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00668\Downloads\"/>
    </mc:Choice>
  </mc:AlternateContent>
  <bookViews>
    <workbookView xWindow="0" yWindow="0" windowWidth="23040" windowHeight="9260"/>
  </bookViews>
  <sheets>
    <sheet name="Sheet1" sheetId="10" r:id="rId1"/>
    <sheet name="General Manual" sheetId="1" r:id="rId2"/>
    <sheet name="Sub-Occupancy" sheetId="2" r:id="rId3"/>
    <sheet name="Room Colour Code" sheetId="3" r:id="rId4"/>
    <sheet name="New Layers" sheetId="4" r:id="rId5"/>
    <sheet name="SERVICE BLOCKS " sheetId="9" r:id="rId6"/>
    <sheet name="INDUSTRIAL AME" sheetId="8" r:id="rId7"/>
    <sheet name="NEW LAYERS FOR HILLSTATIONS" sheetId="7" r:id="rId8"/>
  </sheets>
  <calcPr calcId="152511"/>
</workbook>
</file>

<file path=xl/sharedStrings.xml><?xml version="1.0" encoding="utf-8"?>
<sst xmlns="http://schemas.openxmlformats.org/spreadsheetml/2006/main" count="6545" uniqueCount="1057">
  <si>
    <t>Sub-feature</t>
  </si>
  <si>
    <t>Plot boundary</t>
  </si>
  <si>
    <t>Building footprint</t>
  </si>
  <si>
    <t>Carpet area</t>
  </si>
  <si>
    <t>Carpet area deductions</t>
  </si>
  <si>
    <t>Height of building</t>
  </si>
  <si>
    <t>Plinth height</t>
  </si>
  <si>
    <t>Front setback</t>
  </si>
  <si>
    <t>Side setback 1</t>
  </si>
  <si>
    <t>Side setback 2</t>
  </si>
  <si>
    <t>Rear setback</t>
  </si>
  <si>
    <t>Basement/cellar</t>
  </si>
  <si>
    <t>Basement floor height</t>
  </si>
  <si>
    <t>Height of upper basement floor</t>
  </si>
  <si>
    <t>Basement front setback</t>
  </si>
  <si>
    <t>Basement rear setback</t>
  </si>
  <si>
    <t>Basement side setback 1</t>
  </si>
  <si>
    <t>Basement side setback 2</t>
  </si>
  <si>
    <t>Staircase</t>
  </si>
  <si>
    <t>Staircase flight</t>
  </si>
  <si>
    <t>Staircase landing</t>
  </si>
  <si>
    <t>Fire staircase</t>
  </si>
  <si>
    <t>Fire staircase flight</t>
  </si>
  <si>
    <t>Fire staircase landing</t>
  </si>
  <si>
    <t>Radius of spiral staircase</t>
  </si>
  <si>
    <t>Chajja/overhangs/ roof projections</t>
  </si>
  <si>
    <t>Height of Shade overhang</t>
  </si>
  <si>
    <t>RWH tank</t>
  </si>
  <si>
    <t>RWH tank capacity</t>
  </si>
  <si>
    <t>RWH tank height</t>
  </si>
  <si>
    <t>Balcony</t>
  </si>
  <si>
    <t>Land use zone</t>
  </si>
  <si>
    <t>Distance from building to river</t>
  </si>
  <si>
    <t>Distance from electric line</t>
  </si>
  <si>
    <t>Plantation tree cover</t>
  </si>
  <si>
    <t>Continuous green planting strip</t>
  </si>
  <si>
    <t>Distance between blocks</t>
  </si>
  <si>
    <t>Four wheeler</t>
  </si>
  <si>
    <t>Parallel parking</t>
  </si>
  <si>
    <t>Two wheeler</t>
  </si>
  <si>
    <t>Kitchen</t>
  </si>
  <si>
    <t>Drinking water</t>
  </si>
  <si>
    <t>Wash basin</t>
  </si>
  <si>
    <t>Cleaner's sink</t>
  </si>
  <si>
    <t>Kitchen sink</t>
  </si>
  <si>
    <t>Kitchen sink dishwasher</t>
  </si>
  <si>
    <t>Service sink</t>
  </si>
  <si>
    <t>Ablution tap</t>
  </si>
  <si>
    <t>Water closet</t>
  </si>
  <si>
    <t>Water closet with bath</t>
  </si>
  <si>
    <t>Bath</t>
  </si>
  <si>
    <t>Urinal</t>
  </si>
  <si>
    <t>Drivers' bath</t>
  </si>
  <si>
    <t>Drivers' toilet</t>
  </si>
  <si>
    <t>Parapet height</t>
  </si>
  <si>
    <t>Height exemption of a building</t>
  </si>
  <si>
    <t>Provision of lift</t>
  </si>
  <si>
    <t>DA high-rise minimum width provisions for passageway/corridors</t>
  </si>
  <si>
    <t>DA high-rise stairways</t>
  </si>
  <si>
    <t>DA high-rise lift</t>
  </si>
  <si>
    <t>Green buildings and sustainability provisions</t>
  </si>
  <si>
    <t>Terrace utility distances</t>
  </si>
  <si>
    <t>North direction</t>
  </si>
  <si>
    <t>Location plan/key plan</t>
  </si>
  <si>
    <t>Surrender road width</t>
  </si>
  <si>
    <t>Ramp</t>
  </si>
  <si>
    <t>DA ramp</t>
  </si>
  <si>
    <t>Vehicle ramp</t>
  </si>
  <si>
    <t>Staircase headroom</t>
  </si>
  <si>
    <t>Regular room - lighting and ventilation</t>
  </si>
  <si>
    <t>AC room - lighting and ventilation</t>
  </si>
  <si>
    <t>Main gate</t>
  </si>
  <si>
    <t>Wicket gate</t>
  </si>
  <si>
    <t>Biometric waste management</t>
  </si>
  <si>
    <t>Compound wall</t>
  </si>
  <si>
    <t>Projected balcony</t>
  </si>
  <si>
    <t>Passage with stair</t>
  </si>
  <si>
    <t>Canopy distance from plot boundary</t>
  </si>
  <si>
    <t>Recreational space</t>
  </si>
  <si>
    <t>Recycling waste water</t>
  </si>
  <si>
    <t>Segregation of waste</t>
  </si>
  <si>
    <t>Septic tank</t>
  </si>
  <si>
    <t>Solid liquid waste management</t>
  </si>
  <si>
    <t>Travel distance to exit</t>
  </si>
  <si>
    <t>Veranda</t>
  </si>
  <si>
    <t>Waste disposal</t>
  </si>
  <si>
    <t>Water tank - Domestic</t>
  </si>
  <si>
    <t>Rain water tank</t>
  </si>
  <si>
    <t>Fire tank</t>
  </si>
  <si>
    <t>Sullage tank</t>
  </si>
  <si>
    <t>Water tank capacity</t>
  </si>
  <si>
    <t>UG Sump</t>
  </si>
  <si>
    <t>Fire Sump</t>
  </si>
  <si>
    <t>Water treatment plant</t>
  </si>
  <si>
    <t>Well</t>
  </si>
  <si>
    <t>Distance to well</t>
  </si>
  <si>
    <t>Ventilation shaft</t>
  </si>
  <si>
    <t>Inner courtyard</t>
  </si>
  <si>
    <t>Outer courtyard</t>
  </si>
  <si>
    <t>Sunken courtyard</t>
  </si>
  <si>
    <t>Footpath</t>
  </si>
  <si>
    <t>Roof area</t>
  </si>
  <si>
    <t>Glass facade opening</t>
  </si>
  <si>
    <t>Exit door width</t>
  </si>
  <si>
    <t>Exit stair width</t>
  </si>
  <si>
    <t>Portico</t>
  </si>
  <si>
    <t>Portico Deduct</t>
  </si>
  <si>
    <t>Electrical Room or Transformer yard</t>
  </si>
  <si>
    <t>OSR</t>
  </si>
  <si>
    <t>Drive way</t>
  </si>
  <si>
    <t>Swimming Pool</t>
  </si>
  <si>
    <t>Units</t>
  </si>
  <si>
    <t>Road Width</t>
  </si>
  <si>
    <t>Plan information</t>
  </si>
  <si>
    <t>Plot area in square metres</t>
  </si>
  <si>
    <t>Mechanical parking in numbers</t>
  </si>
  <si>
    <t>Floor area demolished in the existing building in square metres</t>
  </si>
  <si>
    <t>Is the building occupied by a single family</t>
  </si>
  <si>
    <t>Whether the building is situated in the CRZ zone</t>
  </si>
  <si>
    <t>Whether the building is situated in the security zone</t>
  </si>
  <si>
    <t>Access width in metres</t>
  </si>
  <si>
    <t>Whether government aided school</t>
  </si>
  <si>
    <t>Road width in metres</t>
  </si>
  <si>
    <t>Road length in metres</t>
  </si>
  <si>
    <t>Plot depth in metres</t>
  </si>
  <si>
    <t>Plot width in metres</t>
  </si>
  <si>
    <t>Leasehold land</t>
  </si>
  <si>
    <t>Whether building is nearby River</t>
  </si>
  <si>
    <t>Member count</t>
  </si>
  <si>
    <t>Non residential member count</t>
  </si>
  <si>
    <t>Staff member count</t>
  </si>
  <si>
    <t>Public member count</t>
  </si>
  <si>
    <t>Green buildings and sustainability</t>
  </si>
  <si>
    <t>Fire protection and safety</t>
  </si>
  <si>
    <t>District name</t>
  </si>
  <si>
    <t>Jurisdiction type</t>
  </si>
  <si>
    <t>OSR Applicable</t>
  </si>
  <si>
    <t>OSR Surrender/Buyback</t>
  </si>
  <si>
    <t>Premium FSI</t>
  </si>
  <si>
    <t>Approved layout</t>
  </si>
  <si>
    <t>Non high-rise</t>
  </si>
  <si>
    <t>High-rise</t>
  </si>
  <si>
    <t>Residential</t>
  </si>
  <si>
    <t>Commercial</t>
  </si>
  <si>
    <t>Institutional</t>
  </si>
  <si>
    <t>Industrial</t>
  </si>
  <si>
    <t xml:space="preserve">Cottage </t>
  </si>
  <si>
    <t>Green &amp; Orange</t>
  </si>
  <si>
    <t>Red</t>
  </si>
  <si>
    <t>School</t>
  </si>
  <si>
    <t>Others</t>
  </si>
  <si>
    <t>high-rise</t>
  </si>
  <si>
    <t>Parameter Description/Layer Description</t>
  </si>
  <si>
    <t>Layer content</t>
  </si>
  <si>
    <t>Colour code</t>
  </si>
  <si>
    <t>Yes</t>
  </si>
  <si>
    <t>Polyline showing plot boundary</t>
  </si>
  <si>
    <t>BLK_n_LVL_0_BLDG_FOOT_PRINT</t>
  </si>
  <si>
    <t>Polyline showing building footprint</t>
  </si>
  <si>
    <t>No</t>
  </si>
  <si>
    <t>BLK_n_COVERED_AREA</t>
  </si>
  <si>
    <t>Polyline showing covered area</t>
  </si>
  <si>
    <t>BLK_n_COVERED_AREA_DEDUCT</t>
  </si>
  <si>
    <t>Polyline showing covered area deduction</t>
  </si>
  <si>
    <t>Builtup Area-Proposed block</t>
  </si>
  <si>
    <t>Builtup Area-Typical floor</t>
  </si>
  <si>
    <t xml:space="preserve">Builtup Area deduction-Proposed block </t>
  </si>
  <si>
    <t>BLK_n_FLR_i_BLT_UP_AREA</t>
  </si>
  <si>
    <t>Polyline showing proposed built up area</t>
  </si>
  <si>
    <t>As per Sub-occupancy sheet</t>
  </si>
  <si>
    <t>BLK_n_FLR_i_BLT_UP_AREA_DEDUCT</t>
  </si>
  <si>
    <t>Polyline showing proposed  built up area deduction</t>
  </si>
  <si>
    <t>Optional</t>
  </si>
  <si>
    <t>MTEXT showing typical floors 'TYPICAL_FLOOR_PLAN=X,X,X'</t>
  </si>
  <si>
    <t>BLK_n_FLR_i_BLT_UP_AREA_EXISTING</t>
  </si>
  <si>
    <t>Polyline showing existing built up area</t>
  </si>
  <si>
    <t>BLK_n_FLR_i_BLT_UP_AREA_DEDUCT_EXISTING</t>
  </si>
  <si>
    <t>Polyline showing existing built up area deduction</t>
  </si>
  <si>
    <t>BLK_n_HT_OF_BLDG</t>
  </si>
  <si>
    <t>Dimension showing the height of building</t>
  </si>
  <si>
    <t>BLK_n_PLINTH_HEIGHT</t>
  </si>
  <si>
    <t>Dimension showing the plinth height</t>
  </si>
  <si>
    <t>BLK_n_LVL_0_FRONT_SETBACK</t>
  </si>
  <si>
    <t>Polyline showing front setback</t>
  </si>
  <si>
    <t>BLK_n_LVL_0_SIDE_SETBACK1</t>
  </si>
  <si>
    <t>Polyline showing side setback 1</t>
  </si>
  <si>
    <t>BLK_n_LVL_0_SIDE_SETBACK2</t>
  </si>
  <si>
    <t>Polyline showing side setback 2</t>
  </si>
  <si>
    <t>BLK_n_LVL_0_REAR_SETBACK</t>
  </si>
  <si>
    <t>Polyline showing rear setback</t>
  </si>
  <si>
    <t>Dimension showing height of basement floors</t>
  </si>
  <si>
    <t>Dimension to show height of upper basement floor</t>
  </si>
  <si>
    <t>Polyline showing basement front setback</t>
  </si>
  <si>
    <t>Polyline showing basement rear setback</t>
  </si>
  <si>
    <t>Polyline showing basement side setback 1</t>
  </si>
  <si>
    <t>Polyline showing basement side setback 2</t>
  </si>
  <si>
    <t>Yes only if there is more than 1 floor</t>
  </si>
  <si>
    <t>BLK_n_FLR_i_STAIR_k</t>
  </si>
  <si>
    <t>Polyline showing staircase</t>
  </si>
  <si>
    <t>MTEXT showing floor height 'FLR_HT_M=XXX'</t>
  </si>
  <si>
    <t>BLK_n_FLR_i_STAIR_k_FLIGHT_m</t>
  </si>
  <si>
    <t>Polyline showing flight</t>
  </si>
  <si>
    <t>Dimension showing length</t>
  </si>
  <si>
    <t>Dimension showing width</t>
  </si>
  <si>
    <t>Lines showing number of risers</t>
  </si>
  <si>
    <t>BLK_n_FLR_i_STAIR_k_LANDING_m</t>
  </si>
  <si>
    <t>Polyline showing landing</t>
  </si>
  <si>
    <t>Yes, one for every 30m (type 1 &amp; 2) or 22.5m (type 3 &amp; 4) travel distance as mentioned in NBC.</t>
  </si>
  <si>
    <t>BLK_n_FLR_i_FIRESTAIR_k</t>
  </si>
  <si>
    <t>Polyline showing fire staircase</t>
  </si>
  <si>
    <t>BLK_n_FLR_i_FIRESTAIR_k_FLIGHT_m</t>
  </si>
  <si>
    <t>BLK_n_FLR_i_FIRESTAIR_k_LANDING_m</t>
  </si>
  <si>
    <t>BLK_n_FLR_i_SPIRAL_FIRE_STAIR_k</t>
  </si>
  <si>
    <t>Circle showing the spiral staircase</t>
  </si>
  <si>
    <t>BLK_n_FLR_i_CHAJJA</t>
  </si>
  <si>
    <t>Polyline showing chajja, roof projection and overhang</t>
  </si>
  <si>
    <t>RWH (if only one unit) or RWH_n</t>
  </si>
  <si>
    <t>Polyline showing RWH</t>
  </si>
  <si>
    <t>Dimension showing the height of the RWH tank</t>
  </si>
  <si>
    <t>MTEXT showing tank capacity 'RWH_CAPACITY_L=XXX'</t>
  </si>
  <si>
    <t>BLK_n_FLR_i_BALCONY_k</t>
  </si>
  <si>
    <t>Polyline showing balcony</t>
  </si>
  <si>
    <t>Dimension showing the depth of balcony</t>
  </si>
  <si>
    <t>PLAN_INFO</t>
  </si>
  <si>
    <t>MTEXT in Plan Info : LAND_USE_ZONE = XXX</t>
  </si>
  <si>
    <t>Commercial building in Residential zone</t>
  </si>
  <si>
    <t>MTEXT in Plan Info : LAND_USE_ZONE=RESIDENTIAL</t>
  </si>
  <si>
    <t>OHEL_i</t>
  </si>
  <si>
    <t>Polyline showing electrical line</t>
  </si>
  <si>
    <t>VOLTAGE_i</t>
  </si>
  <si>
    <t>MTEXT showing voltage 'VOLTAGE_KV=XXX'</t>
  </si>
  <si>
    <t>HORIZ_CLEAR_OHEL_i</t>
  </si>
  <si>
    <t>Shortest dimension between electrical line and building</t>
  </si>
  <si>
    <t>VERT_CLEAR_OHEL_i</t>
  </si>
  <si>
    <t>Shortest dimension between electrical line and highest point of building</t>
  </si>
  <si>
    <t>PLANTATION_TREECOVER</t>
  </si>
  <si>
    <t>Polyline showing plantation tree cover</t>
  </si>
  <si>
    <t>BLK_n_PLANTATION_GREENSTRIP</t>
  </si>
  <si>
    <t>Polyline showing plantation green strip</t>
  </si>
  <si>
    <t>Yes if there is more than 1 block</t>
  </si>
  <si>
    <t>DISTANCE_BLK</t>
  </si>
  <si>
    <t>PARKING_SLOT</t>
  </si>
  <si>
    <t>Polyline showing parking slots</t>
  </si>
  <si>
    <t>PARALLEL_PARKING_SLOT</t>
  </si>
  <si>
    <t>Polyline showing parallel parking slots</t>
  </si>
  <si>
    <t>Yes if unit area is 25sqm - 75sqm</t>
  </si>
  <si>
    <t>Cycle parking</t>
  </si>
  <si>
    <t>Regular Room</t>
  </si>
  <si>
    <t>BLK_n_FLR_i_AC_ROOM_k</t>
  </si>
  <si>
    <t>Polyline showing room</t>
  </si>
  <si>
    <t>As per Room colour code sheet</t>
  </si>
  <si>
    <t>Dimension showing height</t>
  </si>
  <si>
    <t>BLK_n_FLR_i_REGULAR_ROOM_k</t>
  </si>
  <si>
    <t>BLK_n_FLR_i_KITCHEN</t>
  </si>
  <si>
    <t>BLK_n_FLR_i_DRINKING_WATER</t>
  </si>
  <si>
    <t>Polyline showing drinking water</t>
  </si>
  <si>
    <t>BLK_n_FLR_i_SP_WC</t>
  </si>
  <si>
    <t>BLK_n_FLR_i_WASH</t>
  </si>
  <si>
    <t>Polyline or circle showing fixture</t>
  </si>
  <si>
    <t>Yes, bath and wc - separately or combined is compulsory</t>
  </si>
  <si>
    <t>TWO_WHEELER_PARKING</t>
  </si>
  <si>
    <t>BLK_n_FLR_i_CARPET_AREA</t>
  </si>
  <si>
    <t>Polyline showing carpet area</t>
  </si>
  <si>
    <t>BLK_n_FLR_i_CARPET_AREA_DEDUCT</t>
  </si>
  <si>
    <t>Polyline showing carpet area deduction</t>
  </si>
  <si>
    <t>MTEXT in Plan Info : BUILDING_NEAR_TO_RIVER=YES/NO</t>
  </si>
  <si>
    <t>DISTANCE_FROM_RIVER</t>
  </si>
  <si>
    <t xml:space="preserve">Dimension showing the distance. </t>
  </si>
  <si>
    <t>Internal Vehicular access</t>
  </si>
  <si>
    <t>Lorry parking</t>
  </si>
  <si>
    <t>LORRY_PARKING</t>
  </si>
  <si>
    <t>Polyline showing Internal vehicular access for corresponding block in the site within a distance of 50 m</t>
  </si>
  <si>
    <t>CYCLE_PARKING</t>
  </si>
  <si>
    <t>DA_PARKING</t>
  </si>
  <si>
    <t>BLK_n_FLR_i_WATER_CLOSET</t>
  </si>
  <si>
    <t>Polyline showing room-Male</t>
  </si>
  <si>
    <t>Polyline showing room-Female</t>
  </si>
  <si>
    <t>Polyline showing room-Common</t>
  </si>
  <si>
    <t>BLK_n_FLR_i_WC_BATH</t>
  </si>
  <si>
    <t>BLK_n_FLR_i_WC_BATH_HT</t>
  </si>
  <si>
    <t>Dimension showing height-Male</t>
  </si>
  <si>
    <t>Dimension showing height-Female</t>
  </si>
  <si>
    <t>Dimension showing height-Common</t>
  </si>
  <si>
    <t>BLK_n_FLR_i_BATH</t>
  </si>
  <si>
    <t>BLK_n_FLR_i_BATH_HT</t>
  </si>
  <si>
    <t>BLK_n_FLR_i_URINAL</t>
  </si>
  <si>
    <t>BLK_i_DRIVERS_TOILET</t>
  </si>
  <si>
    <t>BLK_i_DRIVERS_TOILET_HT</t>
  </si>
  <si>
    <t>BLK_i_WC_DRIVERS_TOILET</t>
  </si>
  <si>
    <t>BLK_i_WC_DRIVERS_TOILET_HT</t>
  </si>
  <si>
    <t>BLK_n_PARAPET_HT</t>
  </si>
  <si>
    <t>As at Site(AAS)</t>
  </si>
  <si>
    <t>BLK_n_CHIMNEY_HT</t>
  </si>
  <si>
    <t>BLK_n_ROOF_WATER_TANK_HT</t>
  </si>
  <si>
    <t>Mez-Builtup Area-Proposed block</t>
  </si>
  <si>
    <t>Mez-Builtup Area-Proposed block deduction</t>
  </si>
  <si>
    <t>BLK_n_FLR_i_BLT_UP_AREA_MEZ_k</t>
  </si>
  <si>
    <t>Polyline showing built up area</t>
  </si>
  <si>
    <t>BLK_n_FLR_i_BLT_UP_AREA_DEDUCT_MEZ_k</t>
  </si>
  <si>
    <t>Polyline showing built up area deduction</t>
  </si>
  <si>
    <t>BLK_n_FLR_i_LIFT_k</t>
  </si>
  <si>
    <t>Polyline showing lift in corresponding floor</t>
  </si>
  <si>
    <t>GUARD_ROOM</t>
  </si>
  <si>
    <t>Polyline showing guard room</t>
  </si>
  <si>
    <t>Dimension to show the cabin height</t>
  </si>
  <si>
    <t>PATH_WAY</t>
  </si>
  <si>
    <t>Dimension showing width of passageway/corridor</t>
  </si>
  <si>
    <t>CORRIDOR_WIDTH</t>
  </si>
  <si>
    <t>Unknown</t>
  </si>
  <si>
    <t>BLK_n_FLR_m_DA_LIFT</t>
  </si>
  <si>
    <t>Polyline showing DA lift in corresponding floor</t>
  </si>
  <si>
    <t>SOLAR_PANEL</t>
  </si>
  <si>
    <t>Polyline showing solar panel</t>
  </si>
  <si>
    <t>BLK_n_TERRACESERVICE_UTILITYDISTANCE</t>
  </si>
  <si>
    <t>Dimension showing distance from parapet wall</t>
  </si>
  <si>
    <t>SOLAR_WATER_HEATER</t>
  </si>
  <si>
    <t>Polyline showing solar water heater</t>
  </si>
  <si>
    <t>WASTE_MANAGEMENT</t>
  </si>
  <si>
    <t>Polyline showing waste management</t>
  </si>
  <si>
    <t>NORTH_DIRECTION</t>
  </si>
  <si>
    <t>North point with text 'N'</t>
  </si>
  <si>
    <t>LOCATION_PLAN</t>
  </si>
  <si>
    <t>Polyline showing location plan in the sheet</t>
  </si>
  <si>
    <t>SURRENDER_ROAD_WIDTH</t>
  </si>
  <si>
    <t>Polyline showing surrender road</t>
  </si>
  <si>
    <t>Dimension showing width of road</t>
  </si>
  <si>
    <t>BLK_n_FLR_m_RAMP_k</t>
  </si>
  <si>
    <t>Polyline showing ramp</t>
  </si>
  <si>
    <t>BLK_n_DA_RAMP_k</t>
  </si>
  <si>
    <t>Polyline to show DA Ramp</t>
  </si>
  <si>
    <t>MTEXT showing slope of DA Ramp 'SLOPE=1INXX'</t>
  </si>
  <si>
    <t>Yes if parking is at different level</t>
  </si>
  <si>
    <t>BLK_n_FLR_m_VEHICLE_RAMP_k</t>
  </si>
  <si>
    <t>Polyline showing vehicle ramp</t>
  </si>
  <si>
    <t>MTEXT showing slope of vehicle ramp 'SLOPE=1INXX'</t>
  </si>
  <si>
    <t>BLK_n_STAIR_HEADROOM</t>
  </si>
  <si>
    <t>Polyline showing headroom area</t>
  </si>
  <si>
    <t>BLK_n_FLR_i_ROOM_k_LIGHT_VENTILATION_n</t>
  </si>
  <si>
    <t>Polyline showing Light and Ventilation of regular room</t>
  </si>
  <si>
    <t>Dimension showing depth or height of light and ventilation</t>
  </si>
  <si>
    <t>BLK_n_FLR_i_ACROOM_k_LIGHT_VENTILATION_n</t>
  </si>
  <si>
    <t>Polyline showing Light and Ventilation of AC room</t>
  </si>
  <si>
    <t>MAIN_GATE</t>
  </si>
  <si>
    <t>Polyline showing main gate</t>
  </si>
  <si>
    <t>WICKET_GATE</t>
  </si>
  <si>
    <t>Polyline showing wicket gate</t>
  </si>
  <si>
    <t>Yes,Based on occupancy</t>
  </si>
  <si>
    <t>BIOMETRIC_WASTE_MNGMNT</t>
  </si>
  <si>
    <t>Polyline to show biometric waste management</t>
  </si>
  <si>
    <t>COMPOUNDWALL</t>
  </si>
  <si>
    <t>Dimension showing front height</t>
  </si>
  <si>
    <t>Dimension showing rear height</t>
  </si>
  <si>
    <t>Dimension showing railing height</t>
  </si>
  <si>
    <t>BLK_n_PROJECTED_BALCONY</t>
  </si>
  <si>
    <t>Polyline showing projected balcony</t>
  </si>
  <si>
    <t>PASSAGE_STAIR</t>
  </si>
  <si>
    <t>Dimension showing passage stair length</t>
  </si>
  <si>
    <t>DIST_CANOPY</t>
  </si>
  <si>
    <t>Dimension showing distance from plot boundary to canopy</t>
  </si>
  <si>
    <t>BLK_n_FLR_m_RECREATION</t>
  </si>
  <si>
    <t>Polyline showing recreational space</t>
  </si>
  <si>
    <t>RECYCLING_WASTE_WATER</t>
  </si>
  <si>
    <t>Polyline showing recycling waste water</t>
  </si>
  <si>
    <t>Yes in regions where corporation drains are unavailable</t>
  </si>
  <si>
    <t>SEPTIC_TANK_n</t>
  </si>
  <si>
    <t>Polyline showing septic tank</t>
  </si>
  <si>
    <t>Dimension to building</t>
  </si>
  <si>
    <t>Dimension to water source</t>
  </si>
  <si>
    <t>SOLID_LIQUID_WASTE_TREATMENT</t>
  </si>
  <si>
    <t>Polyline showing solid liquid waste treatment</t>
  </si>
  <si>
    <t>DIST_EXIT</t>
  </si>
  <si>
    <t>Dimension showing travel distance to exit</t>
  </si>
  <si>
    <t>BLK_m_FLR_n_VERANDAH</t>
  </si>
  <si>
    <t>Polyline showing verandah</t>
  </si>
  <si>
    <t>Dimension showing depth or height of verandah</t>
  </si>
  <si>
    <t>WASTE_DISPOSAL</t>
  </si>
  <si>
    <t>Polyline showing waste disposal</t>
  </si>
  <si>
    <t>Existing(1), proposed(2)</t>
  </si>
  <si>
    <t>WATER_TANK_CALCULATION</t>
  </si>
  <si>
    <t>Polyline showing domestic water tank</t>
  </si>
  <si>
    <t>Polyline showing rain water tank</t>
  </si>
  <si>
    <t>Polyline showing fire tank</t>
  </si>
  <si>
    <t>Polyline showing sullage tank</t>
  </si>
  <si>
    <t>MTEXT showing water tank capacity 'WATER_TANK_CAPACITY_L=XXXLTRS'</t>
  </si>
  <si>
    <t>UG_SUMP</t>
  </si>
  <si>
    <t>Polyline showing UG Sump</t>
  </si>
  <si>
    <t>MTEXT showing UG Sump capacity 'SUMP_CAPACITY_L=XXXLTRS'</t>
  </si>
  <si>
    <t>FIRE_SUMP</t>
  </si>
  <si>
    <t>Polyline showing Fire sump</t>
  </si>
  <si>
    <t>MTEXT showing UG Sump capacity 'FIRE_SUMP_CAPACITY_L=XXXLTRS'</t>
  </si>
  <si>
    <t>INSITU_WASTE_TREATMENT_PLANT</t>
  </si>
  <si>
    <t>Polyline showing water treatment plant</t>
  </si>
  <si>
    <t>WELL</t>
  </si>
  <si>
    <t>Polyline or Circle showing well</t>
  </si>
  <si>
    <t>DIST_WELL</t>
  </si>
  <si>
    <t>Dimension showing distance from others</t>
  </si>
  <si>
    <t>BLK_n_FLR_i_VENTILATION_SHAFT</t>
  </si>
  <si>
    <t>Polyline showing ventilation shaft</t>
  </si>
  <si>
    <t>Dimension showing height or depth</t>
  </si>
  <si>
    <t>BLK_n_FLR_i_COURTYARD_INNER</t>
  </si>
  <si>
    <t>Polyline showing inner courtyard</t>
  </si>
  <si>
    <t>BLK_n_FLR_i_COURTYARD_OUTER</t>
  </si>
  <si>
    <t>Polyline showing outer courtyard</t>
  </si>
  <si>
    <t>BLK_n_FLR_i_COURTYARD_SUNKEN</t>
  </si>
  <si>
    <t>Polyline showing sunken courtyard</t>
  </si>
  <si>
    <t>FOOTPATH</t>
  </si>
  <si>
    <t>Polyline showing footpath</t>
  </si>
  <si>
    <t>Public(1), private(2)</t>
  </si>
  <si>
    <t>Dimension showing distances</t>
  </si>
  <si>
    <t>BLK_n_FLR_m_ROOF_AREA</t>
  </si>
  <si>
    <t>Polyline showing roof area</t>
  </si>
  <si>
    <t>BLK_n_FLR_i_GLASS_FACADE_k</t>
  </si>
  <si>
    <t>Dimension showing height of glass façade</t>
  </si>
  <si>
    <t>Dimension showing width of glass façade</t>
  </si>
  <si>
    <t>Dimension showing height from floor to glass façade</t>
  </si>
  <si>
    <t>Dimension showing exit width of door</t>
  </si>
  <si>
    <t>Dimension showing exit width of stair</t>
  </si>
  <si>
    <t>BLK_n_PORTICO_k</t>
  </si>
  <si>
    <t>Polyline showing the area</t>
  </si>
  <si>
    <t>Dimension showing distance to exterior wall</t>
  </si>
  <si>
    <t>BLK_n_PORTICO_k_DEDUCT</t>
  </si>
  <si>
    <t>Polyline showing portico area deduction</t>
  </si>
  <si>
    <t>Yes, if built up area is greater than 900sqm</t>
  </si>
  <si>
    <t>ELECTRICAL_ROOM</t>
  </si>
  <si>
    <t>Polyline showing electrical room</t>
  </si>
  <si>
    <t>TRANSFORMER_YARD</t>
  </si>
  <si>
    <t>Polyline showing transformer yard</t>
  </si>
  <si>
    <t>TRANSFORMER_YARD_ROAD</t>
  </si>
  <si>
    <t>Dimension showing access pathway width</t>
  </si>
  <si>
    <t>Yes, as per TNCDBR</t>
  </si>
  <si>
    <t>OSR_PLAN</t>
  </si>
  <si>
    <t>Polyline showing OSR area</t>
  </si>
  <si>
    <t>SP</t>
  </si>
  <si>
    <t>Polyline showing swimming pool</t>
  </si>
  <si>
    <t>SP_DECK</t>
  </si>
  <si>
    <t>Dimension showing the width of deck</t>
  </si>
  <si>
    <t>SP_DEPTH</t>
  </si>
  <si>
    <t>Dimension showing the depth of swimming pool</t>
  </si>
  <si>
    <t>SP_WC</t>
  </si>
  <si>
    <t>Polyline showing toilet</t>
  </si>
  <si>
    <t>SP_CH</t>
  </si>
  <si>
    <t>Polyline showing change room</t>
  </si>
  <si>
    <t>SP_BATH</t>
  </si>
  <si>
    <t>Polyline showing shower</t>
  </si>
  <si>
    <t>SP_MR</t>
  </si>
  <si>
    <t>Polyline showing motor room</t>
  </si>
  <si>
    <t>SP_SB</t>
  </si>
  <si>
    <t>Dimension showing set back</t>
  </si>
  <si>
    <t>Polyline showing oneway driveway</t>
  </si>
  <si>
    <t>Polyline showing twoway driveway</t>
  </si>
  <si>
    <t>DRIVE_WAY</t>
  </si>
  <si>
    <t>Typical Block type 1</t>
  </si>
  <si>
    <t>Typical Block type 2</t>
  </si>
  <si>
    <t>Typical Block type 3</t>
  </si>
  <si>
    <t>BLK_n_FLR_i_UNITFA_k</t>
  </si>
  <si>
    <t>Polyline showing unit area</t>
  </si>
  <si>
    <t>Polyline showing unit area deduction</t>
  </si>
  <si>
    <t>ROAD_WIDTH</t>
  </si>
  <si>
    <t>Polyline showing road width and it should be close pline</t>
  </si>
  <si>
    <t>MTEXT - All plan information properties must be added</t>
  </si>
  <si>
    <t>MECHANICAL_PARKING=XX</t>
  </si>
  <si>
    <t>EXISTING_FLOOR_AREA_TO_BE_DEMOLISHED_M2=XX</t>
  </si>
  <si>
    <t>SINGLE_FAMILY_BLDG=YES/NO</t>
  </si>
  <si>
    <t>CRZ=YES/NO</t>
  </si>
  <si>
    <t>SECURITY_ZONE=YES/NO</t>
  </si>
  <si>
    <t>ACCESS_WIDTH_M=XX</t>
  </si>
  <si>
    <t>WHETHER_GOVT_OR_AIDED_SCHOOL=YES/NO</t>
  </si>
  <si>
    <t>ROAD_WIDTH=XX</t>
  </si>
  <si>
    <t>ROAD_LENGTH=XX</t>
  </si>
  <si>
    <t>Types of Area</t>
  </si>
  <si>
    <t>AREA_TYPE=XX (CBA/EWS/OTHERS)</t>
  </si>
  <si>
    <t>LAND_USE_ZONE=XX - As per Land-use code sheet</t>
  </si>
  <si>
    <t>LEASEHOLD_LAND=YES/NO</t>
  </si>
  <si>
    <t>Survey number</t>
  </si>
  <si>
    <t>Yes, for group development</t>
  </si>
  <si>
    <t>Yes, as per sub occupancy</t>
  </si>
  <si>
    <t>BUILDING_NEAR_TO_RIVER=YES/NO</t>
  </si>
  <si>
    <t>BLOCK_n_'sub-occupancy code'_MEMBER_COUNT=XXX</t>
  </si>
  <si>
    <t>BLOCK_n_'sub-occupancy code'_NON_RESIDENTIAL_MEMBER_COUNT</t>
  </si>
  <si>
    <t>BLOCK_n_"sub-occupancy code"_STAFF_MEMBER_COUNT</t>
  </si>
  <si>
    <t>BLOCK_n_"sub-occupancy code"_PUBLIC_MEMBER_COUNT</t>
  </si>
  <si>
    <t>PROVISION_FOR_GREEN_BUILDINGS_AND_SUSTAINABILITY=YES/NO</t>
  </si>
  <si>
    <t>FIRE_PROTECTION_AND_FIRE_SAFETY_REQUIREMENTS=YES/NO</t>
  </si>
  <si>
    <t>SURVEY_NO=XX</t>
  </si>
  <si>
    <t>DISTRICT=XX</t>
  </si>
  <si>
    <t>JURISDICTION_TYPE=XX (CORPORATION/MUNICIPAL/PANCHAYAT)</t>
  </si>
  <si>
    <t>OSR_APPLICABLE=YES/NO</t>
  </si>
  <si>
    <t>PREMIUM_FSI_REQUIRED=YES/NO</t>
  </si>
  <si>
    <t>IS_APPROVED_LAYOUT=YES/NO</t>
  </si>
  <si>
    <t>AS_AT_SITE</t>
  </si>
  <si>
    <t>FMB_OR_PLR</t>
  </si>
  <si>
    <t>SUPER_IMPOSED</t>
  </si>
  <si>
    <t>BLK_n_INTERNAL_VEHICULAR_ACCESS</t>
  </si>
  <si>
    <t>OSR_SURR_BUYBACK_RETAIN=SURRENDER/BUYBACK/RETAIN</t>
  </si>
  <si>
    <t>MIN_PLOT_DEPTH=XX</t>
  </si>
  <si>
    <t>MIN_PLOT_WIDTH=XX</t>
  </si>
  <si>
    <t>Multilevel Parking</t>
  </si>
  <si>
    <t>Stilt Floor Parking</t>
  </si>
  <si>
    <t>`</t>
  </si>
  <si>
    <t>Polyline showing stilt area</t>
  </si>
  <si>
    <t>Polyline showing multilevel parking area</t>
  </si>
  <si>
    <t>Stilt Floor Parking Deduction</t>
  </si>
  <si>
    <t>Polyline showing stilt area Deduction</t>
  </si>
  <si>
    <t>Meter Room</t>
  </si>
  <si>
    <t>Communication Room</t>
  </si>
  <si>
    <t>Polyline showing Communication room area</t>
  </si>
  <si>
    <t>Polyline showing Meter room area</t>
  </si>
  <si>
    <t>Caretaker Room</t>
  </si>
  <si>
    <t>Polyline showing Caretaker room area</t>
  </si>
  <si>
    <t>Pump Room</t>
  </si>
  <si>
    <t>DG Room</t>
  </si>
  <si>
    <t>Multilevel Parking Deduction</t>
  </si>
  <si>
    <t>Polyline showing multilevel parking area Deduction</t>
  </si>
  <si>
    <t>BLK_n_LVL_m_METER_ROOM</t>
  </si>
  <si>
    <t>BLK_n_LVL_m_CARETAKER_ROOM</t>
  </si>
  <si>
    <t>BLK_n_LVL_m_COMM_ROOM</t>
  </si>
  <si>
    <t>BLK_n_LVL_m_MULTI_PARKING</t>
  </si>
  <si>
    <t>BLK_n_LVL_m_PUMP_ROOM</t>
  </si>
  <si>
    <t>Polyline showing Pump room area</t>
  </si>
  <si>
    <t>BLK_n_LVL_m_DG_ROOM</t>
  </si>
  <si>
    <t>Polyline showing DG room area</t>
  </si>
  <si>
    <t>BLK_n_LVL_m_MULTI_PARKING_DEDUCT</t>
  </si>
  <si>
    <t>Total Height of the Building</t>
  </si>
  <si>
    <t>BLK_n_TOTAL_HEIGHT</t>
  </si>
  <si>
    <t>Dimension showing Total height</t>
  </si>
  <si>
    <t>Sub Occupancy Types</t>
  </si>
  <si>
    <t>S.No.</t>
  </si>
  <si>
    <t>Occupancy name</t>
  </si>
  <si>
    <t>Sub occupancy name</t>
  </si>
  <si>
    <t>Colour code for built up area</t>
  </si>
  <si>
    <t>Code for plan info</t>
  </si>
  <si>
    <t>Individual residence</t>
  </si>
  <si>
    <t>Bungalow</t>
  </si>
  <si>
    <t>Apartment / Service apartments</t>
  </si>
  <si>
    <t>Villas</t>
  </si>
  <si>
    <t>Group housing</t>
  </si>
  <si>
    <t>Row house</t>
  </si>
  <si>
    <t>Quarters</t>
  </si>
  <si>
    <t>Special Residential/Agricultural Area</t>
  </si>
  <si>
    <t>Auditorium or Community or Kalyana mandapams or Exhibition Hall</t>
  </si>
  <si>
    <t>B-CKE</t>
  </si>
  <si>
    <t>Starred Hotels, Major Hotels and Lodges</t>
  </si>
  <si>
    <t>B-SHR</t>
  </si>
  <si>
    <t>Multiplex or Malls</t>
  </si>
  <si>
    <t>B-MALL</t>
  </si>
  <si>
    <t>B-AHALL</t>
  </si>
  <si>
    <t>Hospitals / Nursing homes</t>
  </si>
  <si>
    <t>B-HN</t>
  </si>
  <si>
    <t>Shops/Shopping Centres/Departmental Stores/Super Markets</t>
  </si>
  <si>
    <t>B-SHOP</t>
  </si>
  <si>
    <t>Unstarred Hotels, other Hotels , Lodges &amp; Mansion</t>
  </si>
  <si>
    <t>Petrol Bunk</t>
  </si>
  <si>
    <t>B-PB</t>
  </si>
  <si>
    <t>Cinema theatres</t>
  </si>
  <si>
    <t>B-CT</t>
  </si>
  <si>
    <t>B-H</t>
  </si>
  <si>
    <t>Private offices/ Commercial Offices</t>
  </si>
  <si>
    <t>B-PCO</t>
  </si>
  <si>
    <t>Banks</t>
  </si>
  <si>
    <t>B-B</t>
  </si>
  <si>
    <t>IT, ITES Buildings</t>
  </si>
  <si>
    <t>B-ITITES</t>
  </si>
  <si>
    <t>Gold and silver smithy</t>
  </si>
  <si>
    <t>B-GS</t>
  </si>
  <si>
    <t>Swimmig pool</t>
  </si>
  <si>
    <t>B-SP</t>
  </si>
  <si>
    <t>Godown, Warehouses, Freight Stations, Containerisation Units</t>
  </si>
  <si>
    <t>Automobile Showrooms</t>
  </si>
  <si>
    <t>B-AS</t>
  </si>
  <si>
    <t>Government Offices</t>
  </si>
  <si>
    <t>B-GO</t>
  </si>
  <si>
    <t>ATM Centres</t>
  </si>
  <si>
    <t>B-ATM</t>
  </si>
  <si>
    <t>Post Offices, Telegraph Offices, Telephone Offices and Similar establishments</t>
  </si>
  <si>
    <t>B-POT</t>
  </si>
  <si>
    <t>Restaurants, Fast Food outlets</t>
  </si>
  <si>
    <t>B-RFFO</t>
  </si>
  <si>
    <t>Nursery schools</t>
  </si>
  <si>
    <t>C-NS</t>
  </si>
  <si>
    <t>Primary schools</t>
  </si>
  <si>
    <t>C-PS</t>
  </si>
  <si>
    <t>Religious buildings with floor area exceeding 300 sq.m.</t>
  </si>
  <si>
    <t>C-RB</t>
  </si>
  <si>
    <t>Secondary schools</t>
  </si>
  <si>
    <t>C-SS</t>
  </si>
  <si>
    <t>Colleges</t>
  </si>
  <si>
    <t>C-CLG</t>
  </si>
  <si>
    <t>Higher Educational,Technical &amp; Research Institutions</t>
  </si>
  <si>
    <t>C-HRTRI</t>
  </si>
  <si>
    <t>Students hostels</t>
  </si>
  <si>
    <t>C-SH</t>
  </si>
  <si>
    <t>Dormitories</t>
  </si>
  <si>
    <t>C-D</t>
  </si>
  <si>
    <t>Broadcasting, Telecasting &amp; Telecommunication centers</t>
  </si>
  <si>
    <t>C-BTTC</t>
  </si>
  <si>
    <t>Government &amp; Quasi Government Offices and Institutions</t>
  </si>
  <si>
    <t>C-GQO</t>
  </si>
  <si>
    <t>Government Archives</t>
  </si>
  <si>
    <t>C-GA</t>
  </si>
  <si>
    <t>Museums</t>
  </si>
  <si>
    <t>C-M</t>
  </si>
  <si>
    <t>Art galleries</t>
  </si>
  <si>
    <t>C-AG</t>
  </si>
  <si>
    <t>Public libraries</t>
  </si>
  <si>
    <t>C-PL</t>
  </si>
  <si>
    <t>Foreign Missions</t>
  </si>
  <si>
    <t>C-FM</t>
  </si>
  <si>
    <t>Consulates</t>
  </si>
  <si>
    <t>C-C</t>
  </si>
  <si>
    <t>Embassies</t>
  </si>
  <si>
    <t>C-E</t>
  </si>
  <si>
    <t>Government Schools or Local Body schools</t>
  </si>
  <si>
    <t>C-GSC</t>
  </si>
  <si>
    <t>Tutorial/Parallel colleges</t>
  </si>
  <si>
    <t>C-TPC</t>
  </si>
  <si>
    <t>Software/Hardware and other training institutes</t>
  </si>
  <si>
    <t>C-SHT</t>
  </si>
  <si>
    <t>Health Clubs and Recreational Centres</t>
  </si>
  <si>
    <t>B-HCRC</t>
  </si>
  <si>
    <t>Recreational Clubs</t>
  </si>
  <si>
    <t>B-RC</t>
  </si>
  <si>
    <t>Transport terminal</t>
  </si>
  <si>
    <t>Bus terminal</t>
  </si>
  <si>
    <t>D-BT</t>
  </si>
  <si>
    <t>Rail terminal</t>
  </si>
  <si>
    <t>D-RT</t>
  </si>
  <si>
    <t>Airport</t>
  </si>
  <si>
    <t>D-AT</t>
  </si>
  <si>
    <t>Harbour</t>
  </si>
  <si>
    <t>D-HR</t>
  </si>
  <si>
    <t>Cottage Industries</t>
  </si>
  <si>
    <t>Manufacturing industries, service industries, biotechnology industries</t>
  </si>
  <si>
    <t>E-MSBI</t>
  </si>
  <si>
    <t>Green &amp; Orange Industries</t>
  </si>
  <si>
    <t>F-MSBI</t>
  </si>
  <si>
    <t>Garments / Packaging Industries</t>
  </si>
  <si>
    <t>F-GPI</t>
  </si>
  <si>
    <t>Electrical and Electronic Industries including Computer hardware industries</t>
  </si>
  <si>
    <t>F-EE</t>
  </si>
  <si>
    <t>IT Industries, Software, Bio Informatics Industries</t>
  </si>
  <si>
    <t>F-IT</t>
  </si>
  <si>
    <t>Red Industries</t>
  </si>
  <si>
    <t>G-MSBI</t>
  </si>
  <si>
    <t>Cold Storage</t>
  </si>
  <si>
    <t>G-CS</t>
  </si>
  <si>
    <t>Room name</t>
  </si>
  <si>
    <t>Mezzanine room</t>
  </si>
  <si>
    <t>Residential room</t>
  </si>
  <si>
    <t>Residential kitchen room</t>
  </si>
  <si>
    <t>Residential kitchen store room</t>
  </si>
  <si>
    <t>Residential kitchen dining room</t>
  </si>
  <si>
    <t>Commercial room</t>
  </si>
  <si>
    <t>Commercial kitchen room</t>
  </si>
  <si>
    <t>Commercial kitchen store room</t>
  </si>
  <si>
    <t>Commercial kitchen dining room</t>
  </si>
  <si>
    <t>Institutional room</t>
  </si>
  <si>
    <t>Industrial room</t>
  </si>
  <si>
    <t>AC room for Commercial,Institutional &amp; Industrial</t>
  </si>
  <si>
    <t>Terrace floor WC</t>
  </si>
  <si>
    <t>BLK_n_TERRACE_WC</t>
  </si>
  <si>
    <t>Polyline showing WC in terrace floor</t>
  </si>
  <si>
    <t>Stilt floor Height</t>
  </si>
  <si>
    <t>BLK_n_FLR_m__STILT_HEIGHT</t>
  </si>
  <si>
    <t>Dimension showing height of stilt floor</t>
  </si>
  <si>
    <t>BLK_n_FLR_m_STILT_PARKING</t>
  </si>
  <si>
    <t>BLK_n_FLR_m_STILT_PARKING_DEDUCT</t>
  </si>
  <si>
    <t>B-HLG</t>
  </si>
  <si>
    <t>Aisle Width (four wheeler)</t>
  </si>
  <si>
    <t>Polyline to define aisle width for perpendicular parking</t>
  </si>
  <si>
    <t>Polyline to define Angular parking slots &lt;=60 degree</t>
  </si>
  <si>
    <t> Polyline to define Angular parking slot &gt;60 degree</t>
  </si>
  <si>
    <t>Polyline to define aisle width for Angular parking &gt;60 degree</t>
  </si>
  <si>
    <t>PER_AISLE_WIDTH</t>
  </si>
  <si>
    <t>ANGULAR_PARKING_SLOT_1 </t>
  </si>
  <si>
    <t>ANGULAR_PARKING_SLOT_2</t>
  </si>
  <si>
    <t>AISLE_WIDTH_2</t>
  </si>
  <si>
    <t>34a</t>
  </si>
  <si>
    <t>Aisle Width (Two wheeler)</t>
  </si>
  <si>
    <t>Polyline Showing</t>
  </si>
  <si>
    <t>Date</t>
  </si>
  <si>
    <t>Lodging Houses</t>
  </si>
  <si>
    <t>B-LH</t>
  </si>
  <si>
    <t>BLK_n_LVL_-i_BSMNT_FOOT_PRINT</t>
  </si>
  <si>
    <t>BLK_n_LVL_-i_BSMNT_FRONT_SETBACK</t>
  </si>
  <si>
    <t>BLK_n_LVL_-i_BSMNT_REAR_SETBACK</t>
  </si>
  <si>
    <t>BLK_n_LVL_-i_BSMNT_SIDE_SETBACK1</t>
  </si>
  <si>
    <t>BLK_n_LVL_-i_BSMNT_SIDE_SETBACK2</t>
  </si>
  <si>
    <t>BLK_n_FLR_m_ROOF_AREA_DEDUCT</t>
  </si>
  <si>
    <t>TWO_WHEELER_DRIVE_WAY</t>
  </si>
  <si>
    <t>Polyline showing deduction area</t>
  </si>
  <si>
    <t>PLOT_BOUNDARY_DEDUCT</t>
  </si>
  <si>
    <t>Polyline showing plot boundary area deduction for Third party land</t>
  </si>
  <si>
    <t>Basement Plot Boundary</t>
  </si>
  <si>
    <t>BLK_n_LVL_-i_BSMNT_PLOT_BOUNDARY</t>
  </si>
  <si>
    <t>Polyline showing plot boundary in basement setback to be arrive</t>
  </si>
  <si>
    <t>BLK_n_FLR_i_FLOOR_AREA_MEZ_k</t>
  </si>
  <si>
    <t>Polyline showing floor area (mezzanine floor is restricted to 1/2 of the area of the floor
immediately below).</t>
  </si>
  <si>
    <t>Mez-Floor Area-Proposed Block</t>
  </si>
  <si>
    <t>Mez-Floor Area-Height</t>
  </si>
  <si>
    <t>MTEXT Showing floor height in the Mezzanine floor plan 'MEZ_HABITABLE_ROOM=YES/NO'</t>
  </si>
  <si>
    <t>Mez-Floor Area-Habitable Purposes</t>
  </si>
  <si>
    <t>Dimension showing height of the mezzanine floor and the space below the mezzanine floor</t>
  </si>
  <si>
    <r>
      <t xml:space="preserve">Assembly halls / </t>
    </r>
    <r>
      <rPr>
        <sz val="11"/>
        <color rgb="FFFF0000"/>
        <rFont val="Calibri"/>
        <family val="2"/>
      </rPr>
      <t>Conference halls</t>
    </r>
  </si>
  <si>
    <t>Basement Parking area</t>
  </si>
  <si>
    <t>Polyline showing basement foot print</t>
  </si>
  <si>
    <t>Setback spaces permissible in the minimum  prescribed setback spaces for Industrial builidng</t>
  </si>
  <si>
    <t>Servant room</t>
  </si>
  <si>
    <t>Watchman Booth</t>
  </si>
  <si>
    <t>Cycle shed</t>
  </si>
  <si>
    <t>Toilet block</t>
  </si>
  <si>
    <t>Workshop area</t>
  </si>
  <si>
    <t>BLK_n_LVL_m_SERVANT_ROOM</t>
  </si>
  <si>
    <t>BLK_n_LVL_m_WATCHMAN_BOOTH</t>
  </si>
  <si>
    <t>BLK_n_LVL_m_CYCLE_STAND</t>
  </si>
  <si>
    <t>BLK_n_LVL_m_TOILET_BLOCK</t>
  </si>
  <si>
    <t>Polyline showing servant room</t>
  </si>
  <si>
    <t>Auditorium, Kalyana Mandapam, Cinema Halls</t>
  </si>
  <si>
    <t>SEATING_AREA</t>
  </si>
  <si>
    <t>Polyline showing seating area</t>
  </si>
  <si>
    <t>Polyline showing watchman booth</t>
  </si>
  <si>
    <t>Polyline showing cycle stand</t>
  </si>
  <si>
    <t>Polyline showing Toilet block</t>
  </si>
  <si>
    <t>WORKSHOP_AREA</t>
  </si>
  <si>
    <t>Polyline showing work space arfeas</t>
  </si>
  <si>
    <t>29a</t>
  </si>
  <si>
    <t>Tandem Parking</t>
  </si>
  <si>
    <t>TANDEM_PARKING_SLOT</t>
  </si>
  <si>
    <t>Polyline showing Tandem parking slots</t>
  </si>
  <si>
    <t>Polyline showing cycle shed</t>
  </si>
  <si>
    <t>Polyline showing toilet block</t>
  </si>
  <si>
    <t>Polyline showing workshop area</t>
  </si>
  <si>
    <t>Polyline showing fixture</t>
  </si>
  <si>
    <t>Religious buildings with floor area upto 300 sq.m.</t>
  </si>
  <si>
    <t>C-RBWT</t>
  </si>
  <si>
    <t>PRIVATE_PASSAGE</t>
  </si>
  <si>
    <t>Polyline showing Private passage</t>
  </si>
  <si>
    <t>MULTI_LEVEL_PARKING_FLR_n</t>
  </si>
  <si>
    <t>Closed polyline to define multilevel parking floors (Replace n by floor numbers)</t>
  </si>
  <si>
    <t>ML_FLR_n_PARKING_SLOT</t>
  </si>
  <si>
    <t>Closed polyline to define multilevel parking slots (Replace n by respective floor numbers)</t>
  </si>
  <si>
    <t>Multi Level Parking Floor</t>
  </si>
  <si>
    <t>Multi Level Parking Slot</t>
  </si>
  <si>
    <t>TYPICAL_PARKING=1,2,3</t>
  </si>
  <si>
    <t>Multi Level Typical Floor Parking Slot</t>
  </si>
  <si>
    <t>Sample Mtext to define typical multilevel parking (Mtext should be in MULTI_LEVEL_PARKING_FLR_n layer</t>
  </si>
  <si>
    <t>Combined Stilt Parking</t>
  </si>
  <si>
    <t>Combined Stilt Parking Deduction</t>
  </si>
  <si>
    <t>COMBINED_n_LVL_i_FOOT_PRINT</t>
  </si>
  <si>
    <t>COMBINED_n_LVL_i_FRONT_SETBACK</t>
  </si>
  <si>
    <t>COMBINED_n_STILT_PARKING</t>
  </si>
  <si>
    <t>COMBINED_n_STILT_PARKING_DEDUCT</t>
  </si>
  <si>
    <t>COMBINED_n_LVL_i_REAR_SETBACK</t>
  </si>
  <si>
    <t>Polyline showing combined building footprint</t>
  </si>
  <si>
    <t>Polyline showing combined foot print</t>
  </si>
  <si>
    <t>Polyline showing deduction</t>
  </si>
  <si>
    <t>Covered Parking - Existing block</t>
  </si>
  <si>
    <t>Stilt Parking - Existing block</t>
  </si>
  <si>
    <t>Stilt Parking Deduction - Existing block</t>
  </si>
  <si>
    <t>Staircase Headroom - Existing block</t>
  </si>
  <si>
    <t>Polyline showing basemet covered area</t>
  </si>
  <si>
    <t>BLK_n_FLR_i_EXISTING_COVERED_PARKING</t>
  </si>
  <si>
    <t>BLK_n_FLR_i_EXISTING_STILT_PARKING</t>
  </si>
  <si>
    <t>BLK_n_FLR_i_EXISTING_STILT_PARKING_DEDUCT</t>
  </si>
  <si>
    <t>BLK_n_EXISTING_STAIR_HEADROOM</t>
  </si>
  <si>
    <t>Polyline showing stilt floor covered area</t>
  </si>
  <si>
    <t>Polyline showing stilt floor covered deduction area</t>
  </si>
  <si>
    <t>Polyline showing staircase head room area</t>
  </si>
  <si>
    <t>Toilet Ventilation</t>
  </si>
  <si>
    <t>TOILET_VENTILATION</t>
  </si>
  <si>
    <t>Polyline showing ventilation for WC, Bath &amp; Toilet</t>
  </si>
  <si>
    <t>INTERNAL_VEHICULAR_ACCESS_DIST</t>
  </si>
  <si>
    <t xml:space="preserve">Single Polyline showing Internal vehicular access for corresponding block in the site </t>
  </si>
  <si>
    <t>PLOT_BOUNDARY</t>
  </si>
  <si>
    <t>YES</t>
  </si>
  <si>
    <t>Plot boundary Deduction</t>
  </si>
  <si>
    <t>Mens Hostel</t>
  </si>
  <si>
    <t>Womens Hostel</t>
  </si>
  <si>
    <t>B-MH</t>
  </si>
  <si>
    <t>B-WH</t>
  </si>
  <si>
    <t>Boys Hostel</t>
  </si>
  <si>
    <t>Girls Hostel</t>
  </si>
  <si>
    <t>C-BH</t>
  </si>
  <si>
    <t>C-GH</t>
  </si>
  <si>
    <t>Hostels (Unisex)</t>
  </si>
  <si>
    <t>BLK_n_FLR_i_COVERED_PARKING</t>
  </si>
  <si>
    <t>Addional Road</t>
  </si>
  <si>
    <t>ADDITIONAL_ROAD</t>
  </si>
  <si>
    <t>Polyline showing addional road</t>
  </si>
  <si>
    <t>Club House</t>
  </si>
  <si>
    <t>B-CH</t>
  </si>
  <si>
    <t>BLK_n_LVL_i_EXISTING_TOILET_BLOCK</t>
  </si>
  <si>
    <t>DOOR_OPEN</t>
  </si>
  <si>
    <t>Polyline showing Door for class rooms</t>
  </si>
  <si>
    <t>Existing Toilet Block</t>
  </si>
  <si>
    <t>Class Room Door Opening</t>
  </si>
  <si>
    <t>Dimension showing width of the Door</t>
  </si>
  <si>
    <t>Dimension showing height of the Door</t>
  </si>
  <si>
    <t>Polyline showing the toilet area</t>
  </si>
  <si>
    <t>Parking Area for Basement or First floor etc</t>
  </si>
  <si>
    <t>BLK_m_FLR_i_PLOT_BOUNDARY</t>
  </si>
  <si>
    <t>Multi Level parking Plot Boudary</t>
  </si>
  <si>
    <t>COMBINED_n_LVL_i_SIDE_SETBACK1</t>
  </si>
  <si>
    <t>COMBINED_n_LVL_i_SIDE_SETBACK2</t>
  </si>
  <si>
    <t>Polyline showing basement and First foot print</t>
  </si>
  <si>
    <t>Private passage</t>
  </si>
  <si>
    <t>IS_PRIVATE_EXCLUSIVE_PASSAGE=YES/NO</t>
  </si>
  <si>
    <t>G-GWFC</t>
  </si>
  <si>
    <t>Polyline showing addional road (more then  one road)</t>
  </si>
  <si>
    <t>Polyline showing private passage area</t>
  </si>
  <si>
    <t>115a</t>
  </si>
  <si>
    <t>Lower Ground</t>
  </si>
  <si>
    <t>Upper Ground</t>
  </si>
  <si>
    <t>BLK_1_FLR_0_NAME= UPPER GROUND</t>
  </si>
  <si>
    <t>BLK_1_FLR_-1_NAME= LOWER GROUND</t>
  </si>
  <si>
    <t>BLK_n_EXISTING_HEAD_ROOM=0</t>
  </si>
  <si>
    <t>BLK_n_FLR_i_BLT_UP_AREA=0</t>
  </si>
  <si>
    <t>BLK_n_FLR_i_BLT_UP_AREA_DEDUCT=0</t>
  </si>
  <si>
    <t>BLK_n_EXISTING_NO_OF_DWELLING_UNITS=0</t>
  </si>
  <si>
    <t>BLK_n_FLR_i_SUB_OCCUPANCY_COLOUR_CODE=0</t>
  </si>
  <si>
    <t>BLK_n_NON_FSI_AREA=0</t>
  </si>
  <si>
    <t>BLK_n_FLR_i_CARPET_AREA=0</t>
  </si>
  <si>
    <t>BLK_n_FLR_i_CARPET_AREA_DEDUCT=0</t>
  </si>
  <si>
    <t>Existing Building Mezzanine</t>
  </si>
  <si>
    <t>BLK_n_FLR_i_BLT_UP_AREA_EXISTING_MEZ_k</t>
  </si>
  <si>
    <t>BLK_n_FLR_i_BLT_UP_AREA_DEDUCT_EXISTING_MEZ_k</t>
  </si>
  <si>
    <t>BLK_n_FLR_i_FLOOR_AREA_EXISTING_MEZ_k</t>
  </si>
  <si>
    <t>Polyline showing floor area (mezzanine floor is restricted to 1/2 of the area of the floor immediately below).</t>
  </si>
  <si>
    <t>MTEXT Showing floor height in the Mezzanine floor plan 'EXISTING_MEZ_HABITABLE_ROOM=YES/NO'</t>
  </si>
  <si>
    <t>Dimension showing height of the existing mezzanine floor and the space below the mezzanine floor</t>
  </si>
  <si>
    <t>DA_TWO_WHEELER_PARKING</t>
  </si>
  <si>
    <t>DA Two Wheeler Parking</t>
  </si>
  <si>
    <t>Polyline showing parking slots (1.0 m x 1.8 m)</t>
  </si>
  <si>
    <t>Sheet Number</t>
  </si>
  <si>
    <t>SHEET_1</t>
  </si>
  <si>
    <t>Polyline showing Sheet outer</t>
  </si>
  <si>
    <t>Existing Building Info (M Text)</t>
  </si>
  <si>
    <t>HILL STATIONS LAYERS</t>
  </si>
  <si>
    <t>Green</t>
  </si>
  <si>
    <t>ACCESS_PATHWAY</t>
  </si>
  <si>
    <t>ACCESS_GRADIANT_STEEPER</t>
  </si>
  <si>
    <t>Polyline showing Gradiant Slope</t>
  </si>
  <si>
    <t>MTEXT showing slope of Gradiant Slope 1INXX'</t>
  </si>
  <si>
    <t>Stair Handrail</t>
  </si>
  <si>
    <t>STAIR_HANDRAIL</t>
  </si>
  <si>
    <t>LAND USE</t>
  </si>
  <si>
    <t>LAND_USE_ZONE=PVZ/PRZ/SRZ/MUZ/EUZ/IUZ/AUZ/</t>
  </si>
  <si>
    <t>GRADIENT STEEPER NOC</t>
  </si>
  <si>
    <t>GRADIENT_GEOTECH_NOC=YES/NO</t>
  </si>
  <si>
    <t>GEOLOGICALLY WEAK ZONE FROM SITE NOC</t>
  </si>
  <si>
    <t>NO SITE WHICH WOULD ADMIT STORM WATER(UNLESS ARRANGEMENTS ARE MADE TO PREVENT EFFECTIVELY THE FLOODING OF THE SITE)</t>
  </si>
  <si>
    <t>STORMWATER_ADMIT=NO</t>
  </si>
  <si>
    <t>PUBLIC WORSHIP OR RELIGIOUS PURPOSE PRIOR APPROVAL FROM THE COLLECTOR</t>
  </si>
  <si>
    <t>WORSHIP_RELIGIOUS=YES/NO</t>
  </si>
  <si>
    <t>LTL (ACCESSIBLE)HORIZONTALLY</t>
  </si>
  <si>
    <t>LTL(IN ACCESSIBLE)HORIZONTALLY</t>
  </si>
  <si>
    <t>LTL (ACCESSIBLE)VERTICALLY</t>
  </si>
  <si>
    <t>LTL(IN ACCESSIBLE)VERTICALLY</t>
  </si>
  <si>
    <t>HTL (ACCESSIBLE)HORIZONTALLY</t>
  </si>
  <si>
    <t>HTL (INACCESSIBLE)HORIZONTALLY</t>
  </si>
  <si>
    <t>HTL (ACCESSIBLE)VERTICALLY</t>
  </si>
  <si>
    <t>HTL(IN ACCESSIBLE)VERTICALLY</t>
  </si>
  <si>
    <t>WATER BODIES</t>
  </si>
  <si>
    <t>RESERVE FORESTS AND WOODED LAND FOR ALL PURPOSE INCLUDING RESIDENTIAL</t>
  </si>
  <si>
    <t>SPACE BETWEEN THE BUILDING AND BOUNDARY OF THE STREET</t>
  </si>
  <si>
    <t>DIST_BETWEEN_BUILDING_1.3M=YES/NO</t>
  </si>
  <si>
    <t>BUILDING LENGTH</t>
  </si>
  <si>
    <t>TYPE OF FOUNDATION</t>
  </si>
  <si>
    <t>ROCK/PILE=YES/NO</t>
  </si>
  <si>
    <t>OSR APPLICABLE</t>
  </si>
  <si>
    <t>BUYBACK/SURRENDER</t>
  </si>
  <si>
    <t>OSR_SURR_BUYBACK_RETAIN=SURRENDER</t>
  </si>
  <si>
    <t>RAILWAY BOUDARY</t>
  </si>
  <si>
    <t>BURNING OR BURIAL PLACE</t>
  </si>
  <si>
    <t>CONOOR SIMS APRK</t>
  </si>
  <si>
    <t>KODAI LAKE BOUNDARY</t>
  </si>
  <si>
    <t xml:space="preserve">KODAI GYMKHANA </t>
  </si>
  <si>
    <t xml:space="preserve">UDHAGAI LAKE </t>
  </si>
  <si>
    <t>UDHAGAI BOTANICAL GARDEN</t>
  </si>
  <si>
    <t>UDHAGAI RACE COURSE</t>
  </si>
  <si>
    <t>ROOF TYPE</t>
  </si>
  <si>
    <t>ROOF_TYPE=GABLE</t>
  </si>
  <si>
    <t>Access  Pathway (only for residential)</t>
  </si>
  <si>
    <t>Access Gradiant Steeper (only for resendential)</t>
  </si>
  <si>
    <t>Sample Mtext to define typical multilevel parking (Mtext should be in ML_FLR_n_PARKING_SLOT layer</t>
  </si>
  <si>
    <t>Service Blocks</t>
  </si>
  <si>
    <t>B-SB</t>
  </si>
  <si>
    <t>C-SB</t>
  </si>
  <si>
    <t>E-SB</t>
  </si>
  <si>
    <t>F-SB</t>
  </si>
  <si>
    <t>G-SB</t>
  </si>
  <si>
    <t>MTEXT Showing mechanical ventilation in the AC Room 'MECH_VENTILATION=YES</t>
  </si>
  <si>
    <t>LIST OF SERVICE BLOCKS</t>
  </si>
  <si>
    <t>S.NO.</t>
  </si>
  <si>
    <t>Substation</t>
  </si>
  <si>
    <t>Electrical Room</t>
  </si>
  <si>
    <t>Controle Room</t>
  </si>
  <si>
    <t>Water Treatment Plant Room</t>
  </si>
  <si>
    <t>REMARKS</t>
  </si>
  <si>
    <t xml:space="preserve"> colour and code refer to sub occupancy</t>
  </si>
  <si>
    <t xml:space="preserve">DA water closet </t>
  </si>
  <si>
    <t>Builtup Area-Existing block Deduct</t>
  </si>
  <si>
    <t>BLK_i_FLR_k_EXIT_WIDTH_STAIR</t>
  </si>
  <si>
    <t>BLK_i_FLR_k_EXIT_WIDTH_DOOR</t>
  </si>
  <si>
    <t xml:space="preserve">Swimming pool </t>
  </si>
  <si>
    <t>IS_SWIMMING_POOL_EXISTS=YES / NO</t>
  </si>
  <si>
    <t>Toilet Blocks</t>
  </si>
  <si>
    <t>B-TB</t>
  </si>
  <si>
    <t xml:space="preserve">Least Extent </t>
  </si>
  <si>
    <t>As per Document</t>
  </si>
  <si>
    <t>FMB / PLR</t>
  </si>
  <si>
    <t>AS_PER_DOCUMENT</t>
  </si>
  <si>
    <t>Mechanical Two wheeler parking</t>
  </si>
  <si>
    <t>ML_FLR_i_TWOWHEELER_PARKING_SLOT</t>
  </si>
  <si>
    <t>MULTI_LEVEL_TWOWHEELER_PARKING_FLR_0</t>
  </si>
  <si>
    <t>Closed polyline to define multilevel parking slots (Replace n by floor numbers)</t>
  </si>
  <si>
    <t>Sample Mtext to define typical multilevel parking (Mtext should be in MULTI_LEVEL_TWOWHEELER_PARKING_FLR_0 layer</t>
  </si>
  <si>
    <t>BUS_PARKING</t>
  </si>
  <si>
    <t>Bus Parking</t>
  </si>
  <si>
    <t>Polyline showing parking slots (3.5 m x 10 m )</t>
  </si>
  <si>
    <t>IS_EXISTINGBUILDING_EXCEPTION=YES / NO</t>
  </si>
  <si>
    <t>Existing approved building                                           (Exception for G.O.76 &amp; Appeal)</t>
  </si>
  <si>
    <t>PLOT_AREA_M2=XX (least area to be calculated in the fsi)</t>
  </si>
  <si>
    <t>TYPICAL_BLOCK_1=1,X,X (Example 1 = 1,4,5)</t>
  </si>
  <si>
    <t>TYPICAL_BLOCK_3=1,X,X (Example 3 = 3,6,9,10,11)</t>
  </si>
  <si>
    <t>TYPICAL_BLOCK_2=1,X,X (Example 2 = 2,7,8,12,13)</t>
  </si>
  <si>
    <t>Polyline showing the least boundary (it checkes only the setback permisses)</t>
  </si>
  <si>
    <t>Combined Basement</t>
  </si>
  <si>
    <t>Plot Boundary</t>
  </si>
  <si>
    <t>Foot Print</t>
  </si>
  <si>
    <t>Built Up Area</t>
  </si>
  <si>
    <t>Built Up Area Deduction</t>
  </si>
  <si>
    <t>Front Set Back</t>
  </si>
  <si>
    <t>Side Set Back1</t>
  </si>
  <si>
    <t>Side Set Back2</t>
  </si>
  <si>
    <t>Rear Set Back</t>
  </si>
  <si>
    <t>Basement Parking</t>
  </si>
  <si>
    <t>Basement Parking Deduction</t>
  </si>
  <si>
    <t>COMBINED_n_LVL_-i_FOOT_PRINT</t>
  </si>
  <si>
    <t>Polyline showing foot print</t>
  </si>
  <si>
    <t>Polyline showing Built up area</t>
  </si>
  <si>
    <t>Polyline showing Built up area deduction</t>
  </si>
  <si>
    <t>COMBINED_n_LVL_-i_FRONT_SETBACK</t>
  </si>
  <si>
    <t>COMBINED_n_LVL_-i_SIDE_SETBACK1</t>
  </si>
  <si>
    <t>COMBINED_n_LVL_-i_SIDE_SETBACK2</t>
  </si>
  <si>
    <t>COMBINED_n_LVL_-i_REAR_SETBACK</t>
  </si>
  <si>
    <t>COMBINED_n_LVL_-i_BSMNT_PARKING</t>
  </si>
  <si>
    <t>COMBINED_n_LVL_-i_BSMNT_PARKING_DEDUCT</t>
  </si>
  <si>
    <t>Polyline showing Basement parking area</t>
  </si>
  <si>
    <t>Polyline showing Basement parking area deduction</t>
  </si>
  <si>
    <t>Combined Foot Print (stilt floot)</t>
  </si>
  <si>
    <t>Polyline showing combined building stilt floor footprint</t>
  </si>
  <si>
    <t>12.07.2023</t>
  </si>
  <si>
    <t>Combined Foot Print (Stilt Floor)</t>
  </si>
  <si>
    <t>Staircase Winders</t>
  </si>
  <si>
    <t>BLK_n_FLR_i_STAIR_k_WINDERS_m</t>
  </si>
  <si>
    <t>Lines showing Winders</t>
  </si>
  <si>
    <t>Old Age Homes</t>
  </si>
  <si>
    <t>Plot Coverage</t>
  </si>
  <si>
    <t>Plot Coverage deduction</t>
  </si>
  <si>
    <t>BLK_1_FLR_0_NAME= LOWER GROUND</t>
  </si>
  <si>
    <t>BLK_1_FLR_1_NAME= UPPER GROUND</t>
  </si>
  <si>
    <t>COMBINED_n_FLR_-i_BLT_UP_AREA</t>
  </si>
  <si>
    <t>COMBINED_n_FLR_-i_BLT_UP_AREA_DEDUCT</t>
  </si>
  <si>
    <t>COMBINED_1_LVL_-i_BSMNT_PLOT_BOUNDARY</t>
  </si>
  <si>
    <t>Toilet Block within the setback permisses</t>
  </si>
  <si>
    <t>BLK_n_LVL_i_TOILET_BLOCK</t>
  </si>
  <si>
    <t>Dimension showing staircase headroom height</t>
  </si>
  <si>
    <r>
      <t xml:space="preserve">Polyline &amp; </t>
    </r>
    <r>
      <rPr>
        <sz val="10"/>
        <color rgb="FFFF0000"/>
        <rFont val="Tahoma"/>
        <family val="2"/>
      </rPr>
      <t xml:space="preserve">Dimension </t>
    </r>
    <r>
      <rPr>
        <sz val="10"/>
        <rFont val="Tahoma"/>
        <family val="2"/>
      </rPr>
      <t>Showing</t>
    </r>
  </si>
  <si>
    <t>66a</t>
  </si>
  <si>
    <t>Combined Basement Parking or Typical floor Parking - Vehicle ramp</t>
  </si>
  <si>
    <t>COMBINED_n_FLR_m_VEHICLE_RAMP_k</t>
  </si>
  <si>
    <t>Office Room (Data Centre)</t>
  </si>
  <si>
    <t>Motor Room (Structure in setback  spaces)</t>
  </si>
  <si>
    <t>BLK_n_LVL_i_MOTOR_ROOM</t>
  </si>
  <si>
    <t>Polyline showing Motor block</t>
  </si>
  <si>
    <t xml:space="preserve">Lower Ground </t>
  </si>
  <si>
    <t>Data Center</t>
  </si>
  <si>
    <t>IS_DATA_CENTER=YES</t>
  </si>
  <si>
    <t>LTL_ACCESIBLE_HORIZONTAL_IS_LESSTHAN_1.5M=YES/NO</t>
  </si>
  <si>
    <t>LTL_ACCESIBLE_VERTICALLY_IS_LESSTHAN_1.25M=YES/NO</t>
  </si>
  <si>
    <t>LTL_INACCESIBLE_HORIZONTALLY_IS_LESSTHAN_1.25M=YES/NO</t>
  </si>
  <si>
    <t>HTL_INACCESIBLE_HORIZONTALLY_IS_LESSTHAN_1.25M=YES/NO</t>
  </si>
  <si>
    <t>HTL_INACCESIBLE_VERTICALLY_IS_LESSTHAN_4.5M=YES/NO</t>
  </si>
  <si>
    <t>WATER_BODIES_BEYOND_15M=YES/NO</t>
  </si>
  <si>
    <t>RESERVE_FOREST_WOODED_LAND_BEYOND_150M=YES/NO</t>
  </si>
  <si>
    <t>BLDG_LENGTH_MORETHAN_10M=YES/NO</t>
  </si>
  <si>
    <t>RAILWAY_BOUNDARY_BEYOND_30M=YES/NO</t>
  </si>
  <si>
    <t>BURIAL_PLACE_BEYOND_90M=YES/NO</t>
  </si>
  <si>
    <t>CONOOR_SIMS_PARK_BEYOND_100M=YES/NO</t>
  </si>
  <si>
    <t>KODAI_LAKE_BOUNDARY_BEYOND_200M=YES/NO</t>
  </si>
  <si>
    <t>KODAI_GYMKHANA_BEYOND_100M=YES/NO</t>
  </si>
  <si>
    <t>UDHAGAI_LAKE_BOUNDARY_BEYOND_200M=YES/NO</t>
  </si>
  <si>
    <t>UDHAGAI_BOTANICAL_GARDEN_BEYOND_100M=YES/NO</t>
  </si>
  <si>
    <t>UDHAGAI_RACE_COURSE_BEYOND_100M=YES/NO</t>
  </si>
  <si>
    <t>VILLAGE NAME</t>
  </si>
  <si>
    <t>VILLAGE=XXX</t>
  </si>
  <si>
    <t>07.08.23</t>
  </si>
  <si>
    <t>OSR - Existing Area given</t>
  </si>
  <si>
    <t xml:space="preserve">IS_EXISTING_OSR_AREA=YES </t>
  </si>
  <si>
    <t>Surrender Road - Existing Area given</t>
  </si>
  <si>
    <t xml:space="preserve">IS_EXISTING_SURRENDER_ROAD_WIDENING_AREA=YES </t>
  </si>
  <si>
    <t>80a</t>
  </si>
  <si>
    <t>Sewage Treatment Plant</t>
  </si>
  <si>
    <t>Polyline and Dimension to show sewage treatment plant</t>
  </si>
  <si>
    <t xml:space="preserve">Car porch </t>
  </si>
  <si>
    <t>CAR_PORCH</t>
  </si>
  <si>
    <t>Dining Hall with Kitchen</t>
  </si>
  <si>
    <t>B-DH</t>
  </si>
  <si>
    <t>C-DH</t>
  </si>
  <si>
    <t>Sports Stadium</t>
  </si>
  <si>
    <t>C-ST</t>
  </si>
  <si>
    <t>SEWAGE_TREATMENT_PLANT</t>
  </si>
  <si>
    <t>BLK_n_FLR_i_UNITFA_DEDUCT_1</t>
  </si>
  <si>
    <t>Open Air Theatre</t>
  </si>
  <si>
    <t>C-OAT</t>
  </si>
  <si>
    <t>GEOLOGICALLY_GEOTECH_NOC=YES</t>
  </si>
  <si>
    <t>COLLECTOR_APPROVAL=YES</t>
  </si>
  <si>
    <t>LTL_INACCESIBLE_VERTICALLY_IS_MORETHAN_2.5M=YES/NO</t>
  </si>
  <si>
    <t>HTL_ACCESIBLE_HORIZONTAL_IS_MORETHAN_1.75M=YES/NO</t>
  </si>
  <si>
    <t>HTL_ACCESIBLE_VERTICALLY_IS_MORETHAN_4.5M=YES/NO</t>
  </si>
  <si>
    <t>Crematorium</t>
  </si>
  <si>
    <t>B-CRE</t>
  </si>
  <si>
    <t>Polyline showing Car porch</t>
  </si>
  <si>
    <t>Sheet Numbers</t>
  </si>
  <si>
    <t xml:space="preserve">Polyline showing Sheet Boundaries (Multiple sheets in the same drawing </t>
  </si>
  <si>
    <t>TYPICAL_PARKING=0,1,2</t>
  </si>
  <si>
    <t>DA Carparking</t>
  </si>
  <si>
    <t>E-D</t>
  </si>
  <si>
    <t>F-D</t>
  </si>
  <si>
    <t>G-D</t>
  </si>
  <si>
    <t xml:space="preserve">Builtup Area-Existing block </t>
  </si>
  <si>
    <t>E-DH</t>
  </si>
  <si>
    <t>F-DH</t>
  </si>
  <si>
    <t>G-DH</t>
  </si>
  <si>
    <t>Industrial Amenities</t>
  </si>
  <si>
    <t>F-IA</t>
  </si>
  <si>
    <t>E-IA</t>
  </si>
  <si>
    <t>G-IA</t>
  </si>
  <si>
    <t>LIST OF INDUSTRIAL AMENITIES</t>
  </si>
  <si>
    <t>Training Rooms</t>
  </si>
  <si>
    <t>Libraury</t>
  </si>
  <si>
    <t>Coffee Shop</t>
  </si>
  <si>
    <t>Sports Room</t>
  </si>
  <si>
    <t>Store Room</t>
  </si>
  <si>
    <t>Security Room</t>
  </si>
  <si>
    <t>(Exceeding 6.25 sq.m)</t>
  </si>
  <si>
    <t>Professional and Business Offices</t>
  </si>
  <si>
    <t>C-PBO</t>
  </si>
  <si>
    <t>BLK_n_FLR_i_KITCHEN_LIGHT_VENTILATION_k</t>
  </si>
  <si>
    <t>02.01.24</t>
  </si>
  <si>
    <t>SWP-USER MANUAL-03/01/24 (Drawing units should be drawn in "METERS")</t>
  </si>
  <si>
    <t>To get proper layout in scrutiny report, Kindly explode all blocks,hatches and MTexts in your drawing file before uploading. </t>
  </si>
  <si>
    <t>Do not change/explode any of our scrutiny layer polylines.</t>
  </si>
  <si>
    <t>Before uploading, place our scrutiny polylines exactly above your drawing.</t>
  </si>
  <si>
    <t>Type - command dimstyle &gt; set it to standard &gt; modify &gt; Text &gt; set text style to standard &gt; Font name &gt; set as Ariel</t>
  </si>
  <si>
    <t>To get PDF file without any issue use the below mentioned points</t>
  </si>
  <si>
    <t>To get the PDF from DXF kindly do follow the below mentioned poin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8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</font>
    <font>
      <sz val="11"/>
      <name val="Arial"/>
      <family val="2"/>
    </font>
    <font>
      <sz val="11"/>
      <color rgb="FF0070C0"/>
      <name val="Calibri"/>
      <family val="2"/>
    </font>
    <font>
      <sz val="11"/>
      <color theme="1"/>
      <name val="Calibri"/>
      <family val="2"/>
    </font>
    <font>
      <sz val="11"/>
      <name val="Calibri"/>
      <family val="2"/>
    </font>
    <font>
      <b/>
      <sz val="11"/>
      <color theme="1"/>
      <name val="Calibri"/>
      <family val="2"/>
    </font>
    <font>
      <sz val="11"/>
      <name val="Calibri"/>
      <family val="2"/>
      <scheme val="minor"/>
    </font>
    <font>
      <b/>
      <sz val="11"/>
      <name val="Calibri"/>
      <family val="2"/>
    </font>
    <font>
      <b/>
      <sz val="22"/>
      <color theme="1"/>
      <name val="Calibri"/>
      <family val="2"/>
      <scheme val="minor"/>
    </font>
    <font>
      <sz val="11"/>
      <name val="Arial"/>
      <family val="2"/>
    </font>
    <font>
      <b/>
      <sz val="10"/>
      <color rgb="FF000000"/>
      <name val="Arial"/>
      <family val="2"/>
    </font>
    <font>
      <sz val="11"/>
      <color rgb="FFFF0000"/>
      <name val="Calibri"/>
      <family val="2"/>
      <scheme val="minor"/>
    </font>
    <font>
      <sz val="11"/>
      <color rgb="FFFF0000"/>
      <name val="Calibri"/>
      <family val="2"/>
    </font>
    <font>
      <sz val="10"/>
      <name val="Tahoma"/>
      <family val="2"/>
    </font>
    <font>
      <sz val="11"/>
      <color rgb="FF7030A0"/>
      <name val="Calibri"/>
      <family val="2"/>
      <scheme val="minor"/>
    </font>
    <font>
      <sz val="11"/>
      <color rgb="FF7030A0"/>
      <name val="Calibri"/>
      <family val="2"/>
    </font>
    <font>
      <b/>
      <sz val="11"/>
      <name val="Calibri"/>
      <family val="2"/>
      <scheme val="minor"/>
    </font>
    <font>
      <sz val="10"/>
      <color theme="1"/>
      <name val="Tahoma"/>
      <family val="2"/>
    </font>
    <font>
      <sz val="10"/>
      <color rgb="FFFF0000"/>
      <name val="Tahoma"/>
      <family val="2"/>
    </font>
    <font>
      <sz val="11"/>
      <color rgb="FF00B0F0"/>
      <name val="Calibri"/>
      <family val="2"/>
    </font>
    <font>
      <b/>
      <sz val="11"/>
      <color rgb="FF00B0F0"/>
      <name val="Calibri"/>
      <family val="2"/>
    </font>
    <font>
      <b/>
      <sz val="11"/>
      <color rgb="FFFF0000"/>
      <name val="Calibri"/>
      <family val="2"/>
      <scheme val="minor"/>
    </font>
    <font>
      <b/>
      <sz val="11"/>
      <color rgb="FFFF0000"/>
      <name val="Calibri"/>
      <family val="2"/>
    </font>
    <font>
      <b/>
      <sz val="10"/>
      <color rgb="FFFF0000"/>
      <name val="New serif"/>
    </font>
    <font>
      <b/>
      <sz val="10"/>
      <color rgb="FFFF0000"/>
      <name val="Tahoma"/>
      <family val="2"/>
    </font>
    <font>
      <sz val="10"/>
      <color rgb="FFFF0000"/>
      <name val="New serif"/>
    </font>
    <font>
      <b/>
      <sz val="11"/>
      <color rgb="FF00B050"/>
      <name val="Calibri"/>
      <family val="2"/>
    </font>
    <font>
      <b/>
      <sz val="11"/>
      <color rgb="FF00B050"/>
      <name val="Calibri"/>
      <family val="2"/>
      <scheme val="minor"/>
    </font>
    <font>
      <sz val="11"/>
      <color rgb="FF00B050"/>
      <name val="Calibri"/>
      <family val="2"/>
      <scheme val="minor"/>
    </font>
    <font>
      <sz val="11"/>
      <color rgb="FF00B050"/>
      <name val="Calibri"/>
      <family val="2"/>
    </font>
    <font>
      <b/>
      <sz val="11"/>
      <name val="Arial"/>
      <family val="2"/>
    </font>
    <font>
      <sz val="12"/>
      <color theme="1"/>
      <name val="Arial"/>
      <family val="2"/>
    </font>
    <font>
      <sz val="10"/>
      <color theme="1"/>
      <name val="Arial"/>
      <family val="2"/>
    </font>
    <font>
      <b/>
      <sz val="14"/>
      <color theme="1"/>
      <name val="Arial"/>
      <family val="2"/>
    </font>
    <font>
      <b/>
      <sz val="14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</fonts>
  <fills count="11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3" tint="0.5999938962981048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39997558519241921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379">
    <xf numFmtId="0" fontId="0" fillId="0" borderId="0" xfId="0"/>
    <xf numFmtId="0" fontId="2" fillId="0" borderId="0" xfId="0" applyFont="1" applyAlignment="1">
      <alignment wrapText="1"/>
    </xf>
    <xf numFmtId="0" fontId="4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6" fillId="0" borderId="0" xfId="0" applyFont="1"/>
    <xf numFmtId="0" fontId="5" fillId="0" borderId="0" xfId="0" applyFont="1" applyAlignment="1">
      <alignment wrapText="1"/>
    </xf>
    <xf numFmtId="0" fontId="0" fillId="0" borderId="0" xfId="0" applyAlignment="1">
      <alignment vertical="center"/>
    </xf>
    <xf numFmtId="0" fontId="5" fillId="0" borderId="0" xfId="0" applyFont="1" applyAlignment="1">
      <alignment vertical="center" wrapText="1"/>
    </xf>
    <xf numFmtId="0" fontId="0" fillId="0" borderId="0" xfId="0" applyAlignment="1">
      <alignment horizontal="right"/>
    </xf>
    <xf numFmtId="0" fontId="5" fillId="0" borderId="1" xfId="0" applyFont="1" applyBorder="1" applyAlignment="1">
      <alignment wrapText="1"/>
    </xf>
    <xf numFmtId="0" fontId="5" fillId="0" borderId="1" xfId="0" applyFont="1" applyBorder="1"/>
    <xf numFmtId="0" fontId="5" fillId="0" borderId="1" xfId="0" applyFont="1" applyBorder="1" applyAlignment="1">
      <alignment vertical="center" wrapText="1"/>
    </xf>
    <xf numFmtId="0" fontId="5" fillId="0" borderId="1" xfId="0" applyFont="1" applyBorder="1" applyAlignment="1">
      <alignment vertical="center"/>
    </xf>
    <xf numFmtId="0" fontId="6" fillId="0" borderId="1" xfId="0" applyFont="1" applyBorder="1"/>
    <xf numFmtId="0" fontId="6" fillId="0" borderId="1" xfId="0" applyFont="1" applyBorder="1" applyAlignment="1">
      <alignment wrapText="1"/>
    </xf>
    <xf numFmtId="0" fontId="2" fillId="0" borderId="1" xfId="0" applyFont="1" applyBorder="1" applyAlignment="1">
      <alignment wrapText="1"/>
    </xf>
    <xf numFmtId="0" fontId="2" fillId="0" borderId="1" xfId="0" applyFont="1" applyBorder="1"/>
    <xf numFmtId="0" fontId="0" fillId="0" borderId="1" xfId="0" applyBorder="1"/>
    <xf numFmtId="0" fontId="6" fillId="0" borderId="1" xfId="0" applyFont="1" applyBorder="1" applyAlignment="1">
      <alignment horizontal="right" vertical="center"/>
    </xf>
    <xf numFmtId="0" fontId="0" fillId="0" borderId="1" xfId="0" applyBorder="1" applyAlignment="1">
      <alignment horizontal="left" vertical="center"/>
    </xf>
    <xf numFmtId="0" fontId="6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vertical="top"/>
    </xf>
    <xf numFmtId="0" fontId="8" fillId="0" borderId="1" xfId="0" applyFont="1" applyBorder="1"/>
    <xf numFmtId="0" fontId="7" fillId="3" borderId="1" xfId="0" applyFont="1" applyFill="1" applyBorder="1" applyAlignment="1">
      <alignment vertical="center"/>
    </xf>
    <xf numFmtId="0" fontId="0" fillId="3" borderId="1" xfId="0" applyFill="1" applyBorder="1"/>
    <xf numFmtId="0" fontId="7" fillId="2" borderId="1" xfId="0" applyFont="1" applyFill="1" applyBorder="1" applyAlignment="1">
      <alignment vertical="center"/>
    </xf>
    <xf numFmtId="0" fontId="7" fillId="5" borderId="1" xfId="0" applyFont="1" applyFill="1" applyBorder="1" applyAlignment="1">
      <alignment vertical="center"/>
    </xf>
    <xf numFmtId="0" fontId="9" fillId="4" borderId="1" xfId="0" applyFont="1" applyFill="1" applyBorder="1" applyAlignment="1">
      <alignment vertical="center"/>
    </xf>
    <xf numFmtId="0" fontId="8" fillId="4" borderId="1" xfId="0" applyFont="1" applyFill="1" applyBorder="1"/>
    <xf numFmtId="0" fontId="8" fillId="4" borderId="1" xfId="0" applyFont="1" applyFill="1" applyBorder="1" applyAlignment="1">
      <alignment vertical="center"/>
    </xf>
    <xf numFmtId="0" fontId="8" fillId="4" borderId="1" xfId="0" applyFont="1" applyFill="1" applyBorder="1" applyAlignment="1">
      <alignment wrapText="1"/>
    </xf>
    <xf numFmtId="0" fontId="8" fillId="4" borderId="0" xfId="0" applyFont="1" applyFill="1"/>
    <xf numFmtId="0" fontId="0" fillId="5" borderId="1" xfId="0" applyFill="1" applyBorder="1" applyAlignment="1">
      <alignment horizontal="center"/>
    </xf>
    <xf numFmtId="0" fontId="0" fillId="2" borderId="1" xfId="0" applyFill="1" applyBorder="1" applyAlignment="1">
      <alignment horizontal="center"/>
    </xf>
    <xf numFmtId="0" fontId="0" fillId="6" borderId="0" xfId="0" applyFill="1"/>
    <xf numFmtId="0" fontId="8" fillId="6" borderId="0" xfId="0" applyFont="1" applyFill="1"/>
    <xf numFmtId="0" fontId="8" fillId="4" borderId="5" xfId="0" applyFont="1" applyFill="1" applyBorder="1"/>
    <xf numFmtId="0" fontId="6" fillId="0" borderId="5" xfId="0" applyFont="1" applyBorder="1"/>
    <xf numFmtId="0" fontId="7" fillId="0" borderId="1" xfId="0" applyFont="1" applyBorder="1"/>
    <xf numFmtId="0" fontId="12" fillId="0" borderId="1" xfId="0" applyFont="1" applyBorder="1"/>
    <xf numFmtId="0" fontId="14" fillId="0" borderId="1" xfId="0" applyFont="1" applyBorder="1"/>
    <xf numFmtId="0" fontId="14" fillId="0" borderId="1" xfId="0" applyFont="1" applyBorder="1" applyAlignment="1">
      <alignment wrapText="1"/>
    </xf>
    <xf numFmtId="0" fontId="8" fillId="0" borderId="0" xfId="0" applyFont="1" applyAlignment="1">
      <alignment horizontal="right"/>
    </xf>
    <xf numFmtId="0" fontId="8" fillId="5" borderId="1" xfId="0" applyFont="1" applyFill="1" applyBorder="1" applyAlignment="1">
      <alignment horizontal="center"/>
    </xf>
    <xf numFmtId="0" fontId="15" fillId="0" borderId="1" xfId="0" applyFont="1" applyBorder="1"/>
    <xf numFmtId="0" fontId="8" fillId="0" borderId="0" xfId="0" applyFont="1"/>
    <xf numFmtId="0" fontId="0" fillId="6" borderId="1" xfId="0" applyFill="1" applyBorder="1"/>
    <xf numFmtId="0" fontId="8" fillId="6" borderId="1" xfId="0" applyFont="1" applyFill="1" applyBorder="1"/>
    <xf numFmtId="0" fontId="4" fillId="0" borderId="1" xfId="0" applyFont="1" applyBorder="1"/>
    <xf numFmtId="0" fontId="4" fillId="0" borderId="1" xfId="0" applyFont="1" applyBorder="1" applyAlignment="1">
      <alignment wrapText="1"/>
    </xf>
    <xf numFmtId="0" fontId="16" fillId="6" borderId="1" xfId="0" applyFont="1" applyFill="1" applyBorder="1"/>
    <xf numFmtId="0" fontId="17" fillId="6" borderId="1" xfId="0" applyFont="1" applyFill="1" applyBorder="1" applyAlignment="1">
      <alignment wrapText="1"/>
    </xf>
    <xf numFmtId="0" fontId="14" fillId="0" borderId="0" xfId="0" applyFont="1" applyAlignment="1">
      <alignment wrapText="1"/>
    </xf>
    <xf numFmtId="0" fontId="13" fillId="0" borderId="0" xfId="0" applyFont="1"/>
    <xf numFmtId="0" fontId="8" fillId="5" borderId="1" xfId="0" applyFont="1" applyFill="1" applyBorder="1"/>
    <xf numFmtId="0" fontId="6" fillId="0" borderId="0" xfId="0" applyFont="1" applyAlignment="1">
      <alignment vertical="center" wrapText="1"/>
    </xf>
    <xf numFmtId="0" fontId="6" fillId="0" borderId="1" xfId="0" applyFont="1" applyBorder="1" applyAlignment="1">
      <alignment vertical="center"/>
    </xf>
    <xf numFmtId="0" fontId="6" fillId="0" borderId="1" xfId="0" applyFont="1" applyBorder="1" applyAlignment="1">
      <alignment horizontal="center" vertical="center"/>
    </xf>
    <xf numFmtId="0" fontId="9" fillId="5" borderId="1" xfId="0" applyFont="1" applyFill="1" applyBorder="1" applyAlignment="1">
      <alignment vertical="center"/>
    </xf>
    <xf numFmtId="14" fontId="8" fillId="0" borderId="1" xfId="0" applyNumberFormat="1" applyFont="1" applyBorder="1"/>
    <xf numFmtId="0" fontId="8" fillId="0" borderId="1" xfId="0" applyFont="1" applyBorder="1" applyAlignment="1">
      <alignment horizontal="right"/>
    </xf>
    <xf numFmtId="0" fontId="8" fillId="5" borderId="1" xfId="0" applyFont="1" applyFill="1" applyBorder="1" applyAlignment="1">
      <alignment vertical="center"/>
    </xf>
    <xf numFmtId="0" fontId="6" fillId="0" borderId="1" xfId="0" applyFont="1" applyBorder="1" applyAlignment="1">
      <alignment vertical="center" wrapText="1"/>
    </xf>
    <xf numFmtId="0" fontId="6" fillId="6" borderId="1" xfId="0" applyFont="1" applyFill="1" applyBorder="1" applyAlignment="1">
      <alignment wrapText="1"/>
    </xf>
    <xf numFmtId="0" fontId="13" fillId="4" borderId="1" xfId="0" applyFont="1" applyFill="1" applyBorder="1"/>
    <xf numFmtId="0" fontId="15" fillId="0" borderId="0" xfId="0" applyFont="1"/>
    <xf numFmtId="0" fontId="15" fillId="0" borderId="0" xfId="0" applyFont="1" applyAlignment="1">
      <alignment horizontal="left" vertical="center" wrapText="1"/>
    </xf>
    <xf numFmtId="0" fontId="14" fillId="0" borderId="5" xfId="0" applyFont="1" applyBorder="1"/>
    <xf numFmtId="0" fontId="8" fillId="0" borderId="1" xfId="0" applyFont="1" applyBorder="1" applyAlignment="1">
      <alignment horizontal="right" vertical="top"/>
    </xf>
    <xf numFmtId="0" fontId="14" fillId="6" borderId="1" xfId="0" applyFont="1" applyFill="1" applyBorder="1" applyAlignment="1">
      <alignment wrapText="1"/>
    </xf>
    <xf numFmtId="0" fontId="13" fillId="6" borderId="1" xfId="0" applyFont="1" applyFill="1" applyBorder="1"/>
    <xf numFmtId="0" fontId="13" fillId="0" borderId="1" xfId="0" applyFont="1" applyBorder="1"/>
    <xf numFmtId="0" fontId="2" fillId="6" borderId="0" xfId="0" applyFont="1" applyFill="1" applyAlignment="1">
      <alignment wrapText="1"/>
    </xf>
    <xf numFmtId="0" fontId="7" fillId="5" borderId="1" xfId="0" applyFont="1" applyFill="1" applyBorder="1" applyAlignment="1">
      <alignment horizontal="center" vertical="center"/>
    </xf>
    <xf numFmtId="0" fontId="19" fillId="0" borderId="1" xfId="0" applyFont="1" applyBorder="1"/>
    <xf numFmtId="0" fontId="0" fillId="0" borderId="1" xfId="0" applyBorder="1" applyAlignment="1">
      <alignment horizontal="center"/>
    </xf>
    <xf numFmtId="0" fontId="0" fillId="0" borderId="1" xfId="0" applyBorder="1" applyAlignment="1">
      <alignment horizontal="left"/>
    </xf>
    <xf numFmtId="0" fontId="0" fillId="0" borderId="1" xfId="0" applyBorder="1" applyAlignment="1">
      <alignment horizontal="left" vertical="center" wrapText="1"/>
    </xf>
    <xf numFmtId="0" fontId="20" fillId="0" borderId="1" xfId="0" applyFont="1" applyBorder="1" applyAlignment="1">
      <alignment horizontal="left" vertical="center" wrapText="1"/>
    </xf>
    <xf numFmtId="0" fontId="5" fillId="0" borderId="1" xfId="0" applyFont="1" applyBorder="1"/>
    <xf numFmtId="0" fontId="21" fillId="0" borderId="1" xfId="0" applyFont="1" applyBorder="1"/>
    <xf numFmtId="0" fontId="22" fillId="0" borderId="1" xfId="0" applyFont="1" applyBorder="1" applyAlignment="1">
      <alignment wrapText="1"/>
    </xf>
    <xf numFmtId="0" fontId="22" fillId="0" borderId="0" xfId="0" applyFont="1" applyAlignment="1">
      <alignment wrapText="1"/>
    </xf>
    <xf numFmtId="0" fontId="23" fillId="0" borderId="0" xfId="0" applyFont="1" applyAlignment="1">
      <alignment horizontal="center"/>
    </xf>
    <xf numFmtId="0" fontId="13" fillId="0" borderId="0" xfId="0" applyFont="1" applyAlignment="1">
      <alignment horizontal="center"/>
    </xf>
    <xf numFmtId="0" fontId="2" fillId="0" borderId="0" xfId="0" applyFont="1"/>
    <xf numFmtId="0" fontId="24" fillId="0" borderId="0" xfId="0" applyFont="1" applyAlignment="1">
      <alignment wrapText="1"/>
    </xf>
    <xf numFmtId="0" fontId="23" fillId="4" borderId="1" xfId="0" applyFont="1" applyFill="1" applyBorder="1"/>
    <xf numFmtId="0" fontId="24" fillId="0" borderId="5" xfId="0" applyFont="1" applyBorder="1"/>
    <xf numFmtId="0" fontId="24" fillId="0" borderId="1" xfId="0" applyFont="1" applyBorder="1"/>
    <xf numFmtId="0" fontId="0" fillId="0" borderId="1" xfId="0" applyBorder="1"/>
    <xf numFmtId="0" fontId="8" fillId="4" borderId="1" xfId="0" applyFont="1" applyFill="1" applyBorder="1" applyAlignment="1">
      <alignment horizontal="center" vertical="center"/>
    </xf>
    <xf numFmtId="0" fontId="8" fillId="4" borderId="1" xfId="0" applyFont="1" applyFill="1" applyBorder="1" applyAlignment="1">
      <alignment horizontal="center"/>
    </xf>
    <xf numFmtId="0" fontId="0" fillId="0" borderId="1" xfId="0" applyBorder="1"/>
    <xf numFmtId="0" fontId="8" fillId="6" borderId="1" xfId="0" applyFont="1" applyFill="1" applyBorder="1" applyAlignment="1">
      <alignment horizontal="center" vertical="center"/>
    </xf>
    <xf numFmtId="0" fontId="25" fillId="0" borderId="0" xfId="0" applyFont="1"/>
    <xf numFmtId="0" fontId="23" fillId="0" borderId="1" xfId="0" applyFont="1" applyBorder="1"/>
    <xf numFmtId="0" fontId="24" fillId="0" borderId="1" xfId="0" applyFont="1" applyBorder="1" applyAlignment="1">
      <alignment wrapText="1"/>
    </xf>
    <xf numFmtId="0" fontId="2" fillId="6" borderId="1" xfId="0" applyFont="1" applyFill="1" applyBorder="1" applyAlignment="1">
      <alignment wrapText="1"/>
    </xf>
    <xf numFmtId="0" fontId="25" fillId="0" borderId="1" xfId="0" applyFont="1" applyBorder="1"/>
    <xf numFmtId="0" fontId="26" fillId="0" borderId="1" xfId="0" applyFont="1" applyBorder="1"/>
    <xf numFmtId="0" fontId="26" fillId="0" borderId="1" xfId="0" applyFont="1" applyBorder="1" applyAlignment="1">
      <alignment horizontal="left" vertical="center" wrapText="1"/>
    </xf>
    <xf numFmtId="0" fontId="23" fillId="4" borderId="1" xfId="0" applyFont="1" applyFill="1" applyBorder="1" applyAlignment="1">
      <alignment horizontal="center" vertical="center"/>
    </xf>
    <xf numFmtId="0" fontId="23" fillId="0" borderId="0" xfId="0" applyFont="1"/>
    <xf numFmtId="0" fontId="23" fillId="6" borderId="1" xfId="0" applyFont="1" applyFill="1" applyBorder="1"/>
    <xf numFmtId="0" fontId="24" fillId="6" borderId="1" xfId="0" applyFont="1" applyFill="1" applyBorder="1" applyAlignment="1">
      <alignment wrapText="1"/>
    </xf>
    <xf numFmtId="0" fontId="23" fillId="6" borderId="5" xfId="0" applyFont="1" applyFill="1" applyBorder="1"/>
    <xf numFmtId="0" fontId="23" fillId="6" borderId="0" xfId="0" applyFont="1" applyFill="1"/>
    <xf numFmtId="0" fontId="23" fillId="4" borderId="1" xfId="0" applyFont="1" applyFill="1" applyBorder="1" applyAlignment="1">
      <alignment horizontal="left" vertical="center"/>
    </xf>
    <xf numFmtId="0" fontId="24" fillId="0" borderId="5" xfId="0" applyFont="1" applyBorder="1" applyAlignment="1">
      <alignment wrapText="1"/>
    </xf>
    <xf numFmtId="0" fontId="23" fillId="0" borderId="5" xfId="0" applyFont="1" applyBorder="1"/>
    <xf numFmtId="0" fontId="14" fillId="0" borderId="4" xfId="0" applyFont="1" applyBorder="1"/>
    <xf numFmtId="0" fontId="13" fillId="0" borderId="1" xfId="0" applyFont="1" applyBorder="1" applyAlignment="1">
      <alignment horizontal="right"/>
    </xf>
    <xf numFmtId="0" fontId="27" fillId="0" borderId="1" xfId="0" applyFont="1" applyBorder="1"/>
    <xf numFmtId="0" fontId="20" fillId="0" borderId="1" xfId="0" applyFont="1" applyBorder="1"/>
    <xf numFmtId="0" fontId="27" fillId="0" borderId="0" xfId="0" applyFont="1"/>
    <xf numFmtId="0" fontId="0" fillId="6" borderId="1" xfId="0" applyFont="1" applyFill="1" applyBorder="1"/>
    <xf numFmtId="0" fontId="0" fillId="0" borderId="1" xfId="0" applyFont="1" applyBorder="1"/>
    <xf numFmtId="0" fontId="9" fillId="6" borderId="1" xfId="0" applyFont="1" applyFill="1" applyBorder="1" applyAlignment="1">
      <alignment vertical="center"/>
    </xf>
    <xf numFmtId="0" fontId="18" fillId="6" borderId="1" xfId="0" applyFont="1" applyFill="1" applyBorder="1"/>
    <xf numFmtId="0" fontId="8" fillId="6" borderId="1" xfId="0" applyFont="1" applyFill="1" applyBorder="1" applyAlignment="1">
      <alignment horizontal="center"/>
    </xf>
    <xf numFmtId="0" fontId="8" fillId="6" borderId="1" xfId="0" applyFont="1" applyFill="1" applyBorder="1" applyAlignment="1">
      <alignment vertical="center"/>
    </xf>
    <xf numFmtId="0" fontId="8" fillId="5" borderId="1" xfId="0" applyFont="1" applyFill="1" applyBorder="1" applyAlignment="1">
      <alignment horizontal="center" vertical="center"/>
    </xf>
    <xf numFmtId="0" fontId="8" fillId="6" borderId="5" xfId="0" applyFont="1" applyFill="1" applyBorder="1"/>
    <xf numFmtId="0" fontId="8" fillId="6" borderId="1" xfId="0" applyFont="1" applyFill="1" applyBorder="1" applyAlignment="1">
      <alignment horizontal="left" vertical="center"/>
    </xf>
    <xf numFmtId="0" fontId="8" fillId="5" borderId="1" xfId="0" applyFont="1" applyFill="1" applyBorder="1" applyAlignment="1">
      <alignment horizontal="left" vertical="center"/>
    </xf>
    <xf numFmtId="0" fontId="6" fillId="0" borderId="5" xfId="0" applyFont="1" applyBorder="1" applyAlignment="1">
      <alignment wrapText="1"/>
    </xf>
    <xf numFmtId="0" fontId="8" fillId="0" borderId="5" xfId="0" applyFont="1" applyBorder="1"/>
    <xf numFmtId="0" fontId="8" fillId="0" borderId="4" xfId="0" applyFont="1" applyBorder="1"/>
    <xf numFmtId="0" fontId="7" fillId="7" borderId="1" xfId="0" applyFont="1" applyFill="1" applyBorder="1" applyAlignment="1">
      <alignment vertical="center"/>
    </xf>
    <xf numFmtId="0" fontId="0" fillId="7" borderId="1" xfId="0" applyFill="1" applyBorder="1"/>
    <xf numFmtId="0" fontId="8" fillId="7" borderId="1" xfId="0" applyFont="1" applyFill="1" applyBorder="1" applyAlignment="1">
      <alignment vertical="center"/>
    </xf>
    <xf numFmtId="0" fontId="0" fillId="7" borderId="1" xfId="0" applyFill="1" applyBorder="1" applyAlignment="1">
      <alignment vertical="center"/>
    </xf>
    <xf numFmtId="0" fontId="8" fillId="7" borderId="1" xfId="0" applyFont="1" applyFill="1" applyBorder="1"/>
    <xf numFmtId="0" fontId="0" fillId="7" borderId="1" xfId="0" applyFill="1" applyBorder="1" applyAlignment="1">
      <alignment wrapText="1"/>
    </xf>
    <xf numFmtId="0" fontId="8" fillId="7" borderId="1" xfId="0" applyFont="1" applyFill="1" applyBorder="1" applyAlignment="1">
      <alignment horizontal="center"/>
    </xf>
    <xf numFmtId="0" fontId="0" fillId="7" borderId="1" xfId="0" applyFill="1" applyBorder="1" applyAlignment="1">
      <alignment horizontal="center" vertical="center"/>
    </xf>
    <xf numFmtId="0" fontId="23" fillId="7" borderId="1" xfId="0" applyFont="1" applyFill="1" applyBorder="1" applyAlignment="1">
      <alignment horizontal="center" vertical="center"/>
    </xf>
    <xf numFmtId="0" fontId="23" fillId="7" borderId="1" xfId="0" applyFont="1" applyFill="1" applyBorder="1"/>
    <xf numFmtId="0" fontId="0" fillId="7" borderId="5" xfId="0" applyFill="1" applyBorder="1"/>
    <xf numFmtId="0" fontId="13" fillId="7" borderId="1" xfId="0" applyFont="1" applyFill="1" applyBorder="1"/>
    <xf numFmtId="0" fontId="16" fillId="7" borderId="1" xfId="0" applyFont="1" applyFill="1" applyBorder="1"/>
    <xf numFmtId="0" fontId="23" fillId="7" borderId="1" xfId="0" applyFont="1" applyFill="1" applyBorder="1" applyAlignment="1">
      <alignment horizontal="left" vertical="center"/>
    </xf>
    <xf numFmtId="0" fontId="23" fillId="7" borderId="5" xfId="0" applyFont="1" applyFill="1" applyBorder="1"/>
    <xf numFmtId="0" fontId="0" fillId="7" borderId="0" xfId="0" applyFill="1"/>
    <xf numFmtId="0" fontId="16" fillId="4" borderId="1" xfId="0" applyFont="1" applyFill="1" applyBorder="1"/>
    <xf numFmtId="0" fontId="23" fillId="4" borderId="5" xfId="0" applyFont="1" applyFill="1" applyBorder="1"/>
    <xf numFmtId="0" fontId="7" fillId="8" borderId="1" xfId="0" applyFont="1" applyFill="1" applyBorder="1" applyAlignment="1">
      <alignment vertical="center"/>
    </xf>
    <xf numFmtId="0" fontId="1" fillId="8" borderId="1" xfId="0" applyFont="1" applyFill="1" applyBorder="1"/>
    <xf numFmtId="0" fontId="0" fillId="8" borderId="1" xfId="0" applyFill="1" applyBorder="1"/>
    <xf numFmtId="0" fontId="8" fillId="8" borderId="1" xfId="0" applyFont="1" applyFill="1" applyBorder="1" applyAlignment="1">
      <alignment vertical="center"/>
    </xf>
    <xf numFmtId="0" fontId="0" fillId="8" borderId="1" xfId="0" applyFill="1" applyBorder="1" applyAlignment="1">
      <alignment vertical="center"/>
    </xf>
    <xf numFmtId="0" fontId="8" fillId="8" borderId="1" xfId="0" applyFont="1" applyFill="1" applyBorder="1"/>
    <xf numFmtId="0" fontId="0" fillId="8" borderId="1" xfId="0" applyFill="1" applyBorder="1" applyAlignment="1">
      <alignment wrapText="1"/>
    </xf>
    <xf numFmtId="0" fontId="0" fillId="8" borderId="1" xfId="0" applyFill="1" applyBorder="1" applyAlignment="1">
      <alignment horizontal="center" vertical="center"/>
    </xf>
    <xf numFmtId="0" fontId="8" fillId="8" borderId="1" xfId="0" applyFont="1" applyFill="1" applyBorder="1" applyAlignment="1">
      <alignment horizontal="center"/>
    </xf>
    <xf numFmtId="0" fontId="23" fillId="8" borderId="1" xfId="0" applyFont="1" applyFill="1" applyBorder="1" applyAlignment="1">
      <alignment horizontal="center" vertical="center"/>
    </xf>
    <xf numFmtId="0" fontId="23" fillId="8" borderId="1" xfId="0" applyFont="1" applyFill="1" applyBorder="1"/>
    <xf numFmtId="0" fontId="0" fillId="8" borderId="1" xfId="0" applyFill="1" applyBorder="1" applyAlignment="1">
      <alignment horizontal="center"/>
    </xf>
    <xf numFmtId="0" fontId="0" fillId="8" borderId="5" xfId="0" applyFill="1" applyBorder="1"/>
    <xf numFmtId="0" fontId="13" fillId="8" borderId="1" xfId="0" applyFont="1" applyFill="1" applyBorder="1"/>
    <xf numFmtId="0" fontId="16" fillId="8" borderId="1" xfId="0" applyFont="1" applyFill="1" applyBorder="1"/>
    <xf numFmtId="0" fontId="23" fillId="8" borderId="1" xfId="0" applyFont="1" applyFill="1" applyBorder="1" applyAlignment="1">
      <alignment horizontal="left" vertical="center"/>
    </xf>
    <xf numFmtId="0" fontId="23" fillId="8" borderId="5" xfId="0" applyFont="1" applyFill="1" applyBorder="1"/>
    <xf numFmtId="0" fontId="0" fillId="8" borderId="0" xfId="0" applyFill="1"/>
    <xf numFmtId="0" fontId="7" fillId="9" borderId="1" xfId="0" applyFont="1" applyFill="1" applyBorder="1" applyAlignment="1">
      <alignment vertical="center"/>
    </xf>
    <xf numFmtId="0" fontId="0" fillId="9" borderId="1" xfId="0" applyFill="1" applyBorder="1"/>
    <xf numFmtId="0" fontId="8" fillId="9" borderId="1" xfId="0" applyFont="1" applyFill="1" applyBorder="1" applyAlignment="1">
      <alignment vertical="center"/>
    </xf>
    <xf numFmtId="0" fontId="0" fillId="9" borderId="1" xfId="0" applyFill="1" applyBorder="1" applyAlignment="1">
      <alignment vertical="center"/>
    </xf>
    <xf numFmtId="0" fontId="8" fillId="9" borderId="1" xfId="0" applyFont="1" applyFill="1" applyBorder="1"/>
    <xf numFmtId="0" fontId="0" fillId="9" borderId="1" xfId="0" applyFill="1" applyBorder="1" applyAlignment="1">
      <alignment wrapText="1"/>
    </xf>
    <xf numFmtId="0" fontId="0" fillId="9" borderId="1" xfId="0" applyFill="1" applyBorder="1" applyAlignment="1">
      <alignment horizontal="center" vertical="center"/>
    </xf>
    <xf numFmtId="0" fontId="8" fillId="9" borderId="1" xfId="0" applyFont="1" applyFill="1" applyBorder="1" applyAlignment="1">
      <alignment horizontal="center"/>
    </xf>
    <xf numFmtId="0" fontId="23" fillId="9" borderId="1" xfId="0" applyFont="1" applyFill="1" applyBorder="1" applyAlignment="1">
      <alignment horizontal="center" vertical="center"/>
    </xf>
    <xf numFmtId="0" fontId="23" fillId="9" borderId="1" xfId="0" applyFont="1" applyFill="1" applyBorder="1"/>
    <xf numFmtId="0" fontId="0" fillId="9" borderId="1" xfId="0" applyFill="1" applyBorder="1" applyAlignment="1">
      <alignment horizontal="center"/>
    </xf>
    <xf numFmtId="0" fontId="0" fillId="9" borderId="5" xfId="0" applyFill="1" applyBorder="1"/>
    <xf numFmtId="0" fontId="13" fillId="9" borderId="1" xfId="0" applyFont="1" applyFill="1" applyBorder="1"/>
    <xf numFmtId="0" fontId="16" fillId="9" borderId="1" xfId="0" applyFont="1" applyFill="1" applyBorder="1"/>
    <xf numFmtId="0" fontId="23" fillId="9" borderId="1" xfId="0" applyFont="1" applyFill="1" applyBorder="1" applyAlignment="1">
      <alignment horizontal="left" vertical="center"/>
    </xf>
    <xf numFmtId="0" fontId="23" fillId="9" borderId="5" xfId="0" applyFont="1" applyFill="1" applyBorder="1"/>
    <xf numFmtId="0" fontId="0" fillId="9" borderId="0" xfId="0" applyFill="1"/>
    <xf numFmtId="0" fontId="5" fillId="6" borderId="1" xfId="0" applyFont="1" applyFill="1" applyBorder="1"/>
    <xf numFmtId="0" fontId="5" fillId="0" borderId="1" xfId="0" applyFont="1" applyBorder="1"/>
    <xf numFmtId="0" fontId="13" fillId="0" borderId="1" xfId="0" applyFont="1" applyBorder="1" applyAlignment="1">
      <alignment wrapText="1"/>
    </xf>
    <xf numFmtId="0" fontId="28" fillId="0" borderId="1" xfId="0" applyFont="1" applyBorder="1"/>
    <xf numFmtId="0" fontId="29" fillId="6" borderId="1" xfId="0" applyFont="1" applyFill="1" applyBorder="1"/>
    <xf numFmtId="0" fontId="29" fillId="0" borderId="1" xfId="0" applyFont="1" applyBorder="1"/>
    <xf numFmtId="0" fontId="5" fillId="0" borderId="1" xfId="0" applyFont="1" applyBorder="1"/>
    <xf numFmtId="0" fontId="24" fillId="0" borderId="7" xfId="0" applyFont="1" applyFill="1" applyBorder="1"/>
    <xf numFmtId="0" fontId="0" fillId="0" borderId="1" xfId="0" applyBorder="1"/>
    <xf numFmtId="0" fontId="8" fillId="4" borderId="1" xfId="0" applyFont="1" applyFill="1" applyBorder="1" applyAlignment="1">
      <alignment horizontal="center"/>
    </xf>
    <xf numFmtId="0" fontId="7" fillId="2" borderId="1" xfId="0" applyFont="1" applyFill="1" applyBorder="1" applyAlignment="1">
      <alignment horizontal="center" vertical="center"/>
    </xf>
    <xf numFmtId="0" fontId="0" fillId="0" borderId="0" xfId="0" applyFont="1"/>
    <xf numFmtId="0" fontId="14" fillId="6" borderId="5" xfId="0" applyFont="1" applyFill="1" applyBorder="1"/>
    <xf numFmtId="0" fontId="14" fillId="6" borderId="1" xfId="0" applyFont="1" applyFill="1" applyBorder="1"/>
    <xf numFmtId="0" fontId="13" fillId="0" borderId="5" xfId="0" applyFont="1" applyBorder="1"/>
    <xf numFmtId="0" fontId="30" fillId="6" borderId="1" xfId="0" applyFont="1" applyFill="1" applyBorder="1"/>
    <xf numFmtId="0" fontId="31" fillId="0" borderId="1" xfId="0" applyFont="1" applyBorder="1"/>
    <xf numFmtId="0" fontId="30" fillId="0" borderId="1" xfId="0" applyFont="1" applyBorder="1"/>
    <xf numFmtId="0" fontId="28" fillId="0" borderId="0" xfId="0" applyFont="1" applyAlignment="1">
      <alignment wrapText="1"/>
    </xf>
    <xf numFmtId="0" fontId="29" fillId="7" borderId="1" xfId="0" applyFont="1" applyFill="1" applyBorder="1"/>
    <xf numFmtId="0" fontId="29" fillId="4" borderId="1" xfId="0" applyFont="1" applyFill="1" applyBorder="1"/>
    <xf numFmtId="0" fontId="29" fillId="8" borderId="1" xfId="0" applyFont="1" applyFill="1" applyBorder="1"/>
    <xf numFmtId="0" fontId="29" fillId="9" borderId="1" xfId="0" applyFont="1" applyFill="1" applyBorder="1"/>
    <xf numFmtId="0" fontId="28" fillId="0" borderId="5" xfId="0" applyFont="1" applyBorder="1"/>
    <xf numFmtId="0" fontId="2" fillId="0" borderId="10" xfId="0" applyFont="1" applyBorder="1"/>
    <xf numFmtId="0" fontId="0" fillId="0" borderId="9" xfId="0" applyBorder="1" applyAlignment="1">
      <alignment horizontal="center"/>
    </xf>
    <xf numFmtId="0" fontId="0" fillId="0" borderId="10" xfId="0" applyBorder="1"/>
    <xf numFmtId="0" fontId="0" fillId="0" borderId="11" xfId="0" applyBorder="1"/>
    <xf numFmtId="0" fontId="6" fillId="0" borderId="12" xfId="0" applyFont="1" applyBorder="1" applyAlignment="1">
      <alignment wrapText="1"/>
    </xf>
    <xf numFmtId="0" fontId="0" fillId="3" borderId="12" xfId="0" applyFill="1" applyBorder="1"/>
    <xf numFmtId="0" fontId="8" fillId="4" borderId="12" xfId="0" applyFont="1" applyFill="1" applyBorder="1" applyAlignment="1">
      <alignment horizontal="center"/>
    </xf>
    <xf numFmtId="0" fontId="0" fillId="2" borderId="12" xfId="0" applyFill="1" applyBorder="1" applyAlignment="1">
      <alignment horizontal="center"/>
    </xf>
    <xf numFmtId="0" fontId="0" fillId="5" borderId="12" xfId="0" applyFill="1" applyBorder="1" applyAlignment="1">
      <alignment horizontal="center"/>
    </xf>
    <xf numFmtId="0" fontId="19" fillId="0" borderId="12" xfId="0" applyFont="1" applyBorder="1"/>
    <xf numFmtId="0" fontId="0" fillId="0" borderId="12" xfId="0" applyBorder="1"/>
    <xf numFmtId="0" fontId="0" fillId="0" borderId="13" xfId="0" applyBorder="1"/>
    <xf numFmtId="0" fontId="28" fillId="6" borderId="0" xfId="0" applyFont="1" applyFill="1" applyAlignment="1">
      <alignment wrapText="1"/>
    </xf>
    <xf numFmtId="0" fontId="28" fillId="6" borderId="1" xfId="0" applyFont="1" applyFill="1" applyBorder="1"/>
    <xf numFmtId="0" fontId="24" fillId="0" borderId="7" xfId="0" applyFont="1" applyFill="1" applyBorder="1" applyAlignment="1">
      <alignment wrapText="1"/>
    </xf>
    <xf numFmtId="0" fontId="23" fillId="3" borderId="12" xfId="0" applyFont="1" applyFill="1" applyBorder="1"/>
    <xf numFmtId="0" fontId="23" fillId="4" borderId="12" xfId="0" applyFont="1" applyFill="1" applyBorder="1" applyAlignment="1">
      <alignment horizontal="center"/>
    </xf>
    <xf numFmtId="0" fontId="23" fillId="2" borderId="12" xfId="0" applyFont="1" applyFill="1" applyBorder="1" applyAlignment="1">
      <alignment horizontal="center"/>
    </xf>
    <xf numFmtId="0" fontId="23" fillId="5" borderId="12" xfId="0" applyFont="1" applyFill="1" applyBorder="1" applyAlignment="1">
      <alignment horizontal="center"/>
    </xf>
    <xf numFmtId="0" fontId="26" fillId="0" borderId="12" xfId="0" applyFont="1" applyBorder="1"/>
    <xf numFmtId="0" fontId="23" fillId="0" borderId="12" xfId="0" applyFont="1" applyBorder="1"/>
    <xf numFmtId="0" fontId="23" fillId="0" borderId="13" xfId="0" applyFont="1" applyBorder="1"/>
    <xf numFmtId="0" fontId="0" fillId="0" borderId="1" xfId="0" applyBorder="1"/>
    <xf numFmtId="0" fontId="28" fillId="6" borderId="1" xfId="0" applyFont="1" applyFill="1" applyBorder="1" applyAlignment="1">
      <alignment wrapText="1"/>
    </xf>
    <xf numFmtId="0" fontId="5" fillId="0" borderId="1" xfId="0" applyFont="1" applyBorder="1"/>
    <xf numFmtId="0" fontId="5" fillId="0" borderId="1" xfId="0" applyFont="1" applyBorder="1"/>
    <xf numFmtId="0" fontId="5" fillId="0" borderId="1" xfId="0" applyFont="1" applyBorder="1"/>
    <xf numFmtId="0" fontId="26" fillId="0" borderId="0" xfId="0" applyFont="1"/>
    <xf numFmtId="0" fontId="23" fillId="0" borderId="0" xfId="0" applyFont="1" applyAlignment="1">
      <alignment horizontal="center" vertical="center"/>
    </xf>
    <xf numFmtId="0" fontId="30" fillId="0" borderId="0" xfId="0" applyFont="1" applyAlignment="1">
      <alignment horizontal="center"/>
    </xf>
    <xf numFmtId="0" fontId="29" fillId="0" borderId="0" xfId="0" applyFont="1" applyAlignment="1">
      <alignment horizontal="center"/>
    </xf>
    <xf numFmtId="0" fontId="5" fillId="0" borderId="1" xfId="0" applyFont="1" applyBorder="1"/>
    <xf numFmtId="0" fontId="29" fillId="6" borderId="1" xfId="0" applyFont="1" applyFill="1" applyBorder="1" applyAlignment="1">
      <alignment horizontal="right"/>
    </xf>
    <xf numFmtId="0" fontId="29" fillId="0" borderId="0" xfId="0" applyFont="1" applyAlignment="1">
      <alignment horizontal="right"/>
    </xf>
    <xf numFmtId="0" fontId="28" fillId="0" borderId="1" xfId="0" applyFont="1" applyBorder="1" applyAlignment="1">
      <alignment wrapText="1"/>
    </xf>
    <xf numFmtId="0" fontId="0" fillId="0" borderId="1" xfId="0" applyBorder="1"/>
    <xf numFmtId="0" fontId="0" fillId="8" borderId="5" xfId="0" applyFill="1" applyBorder="1" applyAlignment="1">
      <alignment horizontal="center" vertical="center"/>
    </xf>
    <xf numFmtId="0" fontId="0" fillId="8" borderId="7" xfId="0" applyFill="1" applyBorder="1" applyAlignment="1">
      <alignment horizontal="center" vertical="center"/>
    </xf>
    <xf numFmtId="0" fontId="0" fillId="8" borderId="6" xfId="0" applyFill="1" applyBorder="1" applyAlignment="1">
      <alignment horizontal="center" vertical="center"/>
    </xf>
    <xf numFmtId="0" fontId="0" fillId="9" borderId="5" xfId="0" applyFill="1" applyBorder="1" applyAlignment="1">
      <alignment horizontal="center" vertical="center"/>
    </xf>
    <xf numFmtId="0" fontId="0" fillId="9" borderId="7" xfId="0" applyFill="1" applyBorder="1" applyAlignment="1">
      <alignment horizontal="center" vertical="center"/>
    </xf>
    <xf numFmtId="0" fontId="0" fillId="9" borderId="6" xfId="0" applyFill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10" fillId="0" borderId="0" xfId="0" applyFont="1" applyAlignment="1">
      <alignment horizontal="left" vertical="center"/>
    </xf>
    <xf numFmtId="0" fontId="0" fillId="7" borderId="1" xfId="0" applyFill="1" applyBorder="1" applyAlignment="1">
      <alignment horizontal="center" vertical="center" wrapText="1"/>
    </xf>
    <xf numFmtId="0" fontId="8" fillId="4" borderId="1" xfId="0" applyFont="1" applyFill="1" applyBorder="1" applyAlignment="1">
      <alignment horizontal="center" vertical="center" wrapText="1"/>
    </xf>
    <xf numFmtId="0" fontId="0" fillId="8" borderId="1" xfId="0" applyFill="1" applyBorder="1" applyAlignment="1">
      <alignment horizontal="center" vertical="center" wrapText="1"/>
    </xf>
    <xf numFmtId="0" fontId="0" fillId="9" borderId="1" xfId="0" applyFill="1" applyBorder="1" applyAlignment="1">
      <alignment horizontal="center" vertical="center" wrapText="1"/>
    </xf>
    <xf numFmtId="0" fontId="0" fillId="9" borderId="5" xfId="0" applyFill="1" applyBorder="1" applyAlignment="1">
      <alignment horizontal="center" vertical="center" wrapText="1"/>
    </xf>
    <xf numFmtId="0" fontId="0" fillId="9" borderId="7" xfId="0" applyFill="1" applyBorder="1" applyAlignment="1">
      <alignment horizontal="center" vertical="center" wrapText="1"/>
    </xf>
    <xf numFmtId="0" fontId="0" fillId="9" borderId="6" xfId="0" applyFill="1" applyBorder="1" applyAlignment="1">
      <alignment horizontal="center" vertical="center" wrapText="1"/>
    </xf>
    <xf numFmtId="0" fontId="0" fillId="8" borderId="5" xfId="0" applyFill="1" applyBorder="1" applyAlignment="1">
      <alignment horizontal="center" vertical="center" wrapText="1"/>
    </xf>
    <xf numFmtId="0" fontId="0" fillId="8" borderId="7" xfId="0" applyFill="1" applyBorder="1" applyAlignment="1">
      <alignment horizontal="center" vertical="center" wrapText="1"/>
    </xf>
    <xf numFmtId="0" fontId="0" fillId="8" borderId="6" xfId="0" applyFill="1" applyBorder="1" applyAlignment="1">
      <alignment horizontal="center" vertical="center" wrapText="1"/>
    </xf>
    <xf numFmtId="0" fontId="0" fillId="7" borderId="5" xfId="0" applyFill="1" applyBorder="1" applyAlignment="1">
      <alignment horizontal="center" vertical="center" wrapText="1"/>
    </xf>
    <xf numFmtId="0" fontId="0" fillId="7" borderId="7" xfId="0" applyFill="1" applyBorder="1" applyAlignment="1">
      <alignment horizontal="center" vertical="center" wrapText="1"/>
    </xf>
    <xf numFmtId="0" fontId="0" fillId="7" borderId="6" xfId="0" applyFill="1" applyBorder="1" applyAlignment="1">
      <alignment horizontal="center" vertical="center" wrapText="1"/>
    </xf>
    <xf numFmtId="0" fontId="8" fillId="4" borderId="5" xfId="0" applyFont="1" applyFill="1" applyBorder="1" applyAlignment="1">
      <alignment horizontal="center" vertical="center" wrapText="1"/>
    </xf>
    <xf numFmtId="0" fontId="8" fillId="4" borderId="7" xfId="0" applyFont="1" applyFill="1" applyBorder="1" applyAlignment="1">
      <alignment horizontal="center" vertical="center" wrapText="1"/>
    </xf>
    <xf numFmtId="0" fontId="8" fillId="4" borderId="6" xfId="0" applyFont="1" applyFill="1" applyBorder="1" applyAlignment="1">
      <alignment horizontal="center" vertical="center" wrapText="1"/>
    </xf>
    <xf numFmtId="0" fontId="5" fillId="0" borderId="1" xfId="0" applyFont="1" applyBorder="1"/>
    <xf numFmtId="0" fontId="0" fillId="0" borderId="1" xfId="0" applyBorder="1"/>
    <xf numFmtId="0" fontId="0" fillId="8" borderId="1" xfId="0" applyFill="1" applyBorder="1" applyAlignment="1">
      <alignment horizontal="center" vertical="center"/>
    </xf>
    <xf numFmtId="0" fontId="0" fillId="9" borderId="1" xfId="0" applyFill="1" applyBorder="1" applyAlignment="1">
      <alignment horizontal="center" vertical="center"/>
    </xf>
    <xf numFmtId="0" fontId="8" fillId="4" borderId="1" xfId="0" applyFont="1" applyFill="1" applyBorder="1" applyAlignment="1">
      <alignment horizontal="center" vertical="center"/>
    </xf>
    <xf numFmtId="0" fontId="0" fillId="7" borderId="1" xfId="0" applyFill="1" applyBorder="1" applyAlignment="1">
      <alignment horizontal="center" vertical="center"/>
    </xf>
    <xf numFmtId="0" fontId="0" fillId="7" borderId="5" xfId="0" applyFill="1" applyBorder="1" applyAlignment="1">
      <alignment horizontal="center" vertical="center"/>
    </xf>
    <xf numFmtId="0" fontId="0" fillId="7" borderId="6" xfId="0" applyFill="1" applyBorder="1" applyAlignment="1">
      <alignment horizontal="center" vertical="center"/>
    </xf>
    <xf numFmtId="0" fontId="8" fillId="4" borderId="5" xfId="0" applyFont="1" applyFill="1" applyBorder="1" applyAlignment="1">
      <alignment horizontal="center" vertical="center"/>
    </xf>
    <xf numFmtId="0" fontId="8" fillId="4" borderId="6" xfId="0" applyFont="1" applyFill="1" applyBorder="1" applyAlignment="1">
      <alignment horizontal="center" vertical="center"/>
    </xf>
    <xf numFmtId="0" fontId="23" fillId="7" borderId="1" xfId="0" applyFont="1" applyFill="1" applyBorder="1" applyAlignment="1">
      <alignment horizontal="center" vertical="center" wrapText="1"/>
    </xf>
    <xf numFmtId="0" fontId="0" fillId="9" borderId="1" xfId="0" applyFill="1" applyBorder="1" applyAlignment="1">
      <alignment horizontal="center"/>
    </xf>
    <xf numFmtId="0" fontId="0" fillId="8" borderId="1" xfId="0" applyFill="1" applyBorder="1" applyAlignment="1">
      <alignment horizontal="center"/>
    </xf>
    <xf numFmtId="0" fontId="0" fillId="7" borderId="1" xfId="0" applyFill="1" applyBorder="1" applyAlignment="1">
      <alignment horizontal="center"/>
    </xf>
    <xf numFmtId="0" fontId="8" fillId="4" borderId="1" xfId="0" applyFont="1" applyFill="1" applyBorder="1" applyAlignment="1">
      <alignment horizontal="center"/>
    </xf>
    <xf numFmtId="0" fontId="0" fillId="0" borderId="0" xfId="0" applyAlignment="1">
      <alignment horizontal="right" vertical="top"/>
    </xf>
    <xf numFmtId="0" fontId="2" fillId="0" borderId="0" xfId="0" applyFont="1" applyAlignment="1">
      <alignment horizontal="center" vertical="center" wrapText="1"/>
    </xf>
    <xf numFmtId="0" fontId="0" fillId="9" borderId="1" xfId="0" applyFill="1" applyBorder="1" applyAlignment="1">
      <alignment horizontal="center" wrapText="1"/>
    </xf>
    <xf numFmtId="0" fontId="8" fillId="4" borderId="1" xfId="0" applyFont="1" applyFill="1" applyBorder="1" applyAlignment="1">
      <alignment horizontal="center" wrapText="1"/>
    </xf>
    <xf numFmtId="0" fontId="0" fillId="8" borderId="1" xfId="0" applyFill="1" applyBorder="1" applyAlignment="1">
      <alignment horizontal="center" wrapText="1"/>
    </xf>
    <xf numFmtId="0" fontId="7" fillId="0" borderId="1" xfId="0" applyFont="1" applyBorder="1" applyAlignment="1">
      <alignment horizontal="center" vertical="center"/>
    </xf>
    <xf numFmtId="0" fontId="7" fillId="8" borderId="1" xfId="0" applyFont="1" applyFill="1" applyBorder="1" applyAlignment="1">
      <alignment horizontal="center" vertical="center"/>
    </xf>
    <xf numFmtId="0" fontId="7" fillId="9" borderId="1" xfId="0" applyFont="1" applyFill="1" applyBorder="1" applyAlignment="1">
      <alignment horizontal="center" vertical="center"/>
    </xf>
    <xf numFmtId="0" fontId="5" fillId="9" borderId="1" xfId="0" applyFont="1" applyFill="1" applyBorder="1" applyAlignment="1">
      <alignment horizontal="center" vertical="center"/>
    </xf>
    <xf numFmtId="0" fontId="7" fillId="7" borderId="1" xfId="0" applyFont="1" applyFill="1" applyBorder="1" applyAlignment="1">
      <alignment horizontal="center" vertical="center"/>
    </xf>
    <xf numFmtId="0" fontId="9" fillId="4" borderId="1" xfId="0" applyFont="1" applyFill="1" applyBorder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3" fillId="0" borderId="0" xfId="0" applyFont="1"/>
    <xf numFmtId="0" fontId="16" fillId="0" borderId="0" xfId="0" applyFont="1" applyAlignment="1">
      <alignment horizontal="right" vertical="center"/>
    </xf>
    <xf numFmtId="0" fontId="0" fillId="7" borderId="1" xfId="0" applyFill="1" applyBorder="1" applyAlignment="1">
      <alignment horizontal="center" wrapText="1"/>
    </xf>
    <xf numFmtId="0" fontId="8" fillId="0" borderId="0" xfId="0" applyFont="1" applyAlignment="1">
      <alignment horizontal="right" vertical="center"/>
    </xf>
    <xf numFmtId="0" fontId="0" fillId="3" borderId="2" xfId="0" applyFill="1" applyBorder="1" applyAlignment="1">
      <alignment horizontal="center"/>
    </xf>
    <xf numFmtId="0" fontId="0" fillId="3" borderId="3" xfId="0" applyFill="1" applyBorder="1" applyAlignment="1">
      <alignment horizontal="center"/>
    </xf>
    <xf numFmtId="0" fontId="0" fillId="3" borderId="4" xfId="0" applyFill="1" applyBorder="1" applyAlignment="1">
      <alignment horizontal="center"/>
    </xf>
    <xf numFmtId="0" fontId="0" fillId="7" borderId="7" xfId="0" applyFill="1" applyBorder="1" applyAlignment="1">
      <alignment horizontal="center" vertical="center"/>
    </xf>
    <xf numFmtId="0" fontId="8" fillId="4" borderId="7" xfId="0" applyFont="1" applyFill="1" applyBorder="1" applyAlignment="1">
      <alignment horizontal="center" vertical="center"/>
    </xf>
    <xf numFmtId="0" fontId="8" fillId="0" borderId="0" xfId="0" applyFont="1" applyAlignment="1">
      <alignment horizontal="right" vertical="top"/>
    </xf>
    <xf numFmtId="0" fontId="28" fillId="0" borderId="8" xfId="0" applyFont="1" applyBorder="1" applyAlignment="1">
      <alignment horizontal="left" vertical="center" wrapText="1"/>
    </xf>
    <xf numFmtId="0" fontId="23" fillId="9" borderId="1" xfId="0" applyFont="1" applyFill="1" applyBorder="1" applyAlignment="1">
      <alignment horizontal="center" vertical="center" wrapText="1"/>
    </xf>
    <xf numFmtId="0" fontId="6" fillId="0" borderId="8" xfId="0" applyFont="1" applyBorder="1" applyAlignment="1">
      <alignment horizontal="left" vertical="center" wrapText="1"/>
    </xf>
    <xf numFmtId="0" fontId="0" fillId="0" borderId="0" xfId="0" applyAlignment="1">
      <alignment horizontal="center" vertical="center"/>
    </xf>
    <xf numFmtId="0" fontId="24" fillId="0" borderId="8" xfId="0" applyFont="1" applyBorder="1" applyAlignment="1">
      <alignment horizontal="left" vertical="center" wrapText="1"/>
    </xf>
    <xf numFmtId="0" fontId="23" fillId="0" borderId="0" xfId="0" applyFont="1" applyAlignment="1">
      <alignment horizontal="center" vertical="center"/>
    </xf>
    <xf numFmtId="0" fontId="23" fillId="4" borderId="1" xfId="0" applyFont="1" applyFill="1" applyBorder="1" applyAlignment="1">
      <alignment horizontal="center" vertical="center" wrapText="1"/>
    </xf>
    <xf numFmtId="0" fontId="23" fillId="8" borderId="1" xfId="0" applyFont="1" applyFill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11" fillId="0" borderId="1" xfId="0" applyFont="1" applyBorder="1"/>
    <xf numFmtId="0" fontId="5" fillId="0" borderId="5" xfId="0" applyFont="1" applyBorder="1" applyAlignment="1">
      <alignment horizontal="center"/>
    </xf>
    <xf numFmtId="0" fontId="5" fillId="0" borderId="7" xfId="0" applyFont="1" applyBorder="1" applyAlignment="1">
      <alignment horizontal="center"/>
    </xf>
    <xf numFmtId="0" fontId="5" fillId="0" borderId="5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0" fontId="9" fillId="2" borderId="1" xfId="0" applyFont="1" applyFill="1" applyBorder="1" applyAlignment="1">
      <alignment horizontal="center" vertical="center"/>
    </xf>
    <xf numFmtId="0" fontId="9" fillId="5" borderId="1" xfId="0" applyFont="1" applyFill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8" fillId="0" borderId="5" xfId="0" applyFont="1" applyBorder="1" applyAlignment="1">
      <alignment horizontal="center"/>
    </xf>
    <xf numFmtId="0" fontId="8" fillId="0" borderId="7" xfId="0" applyFont="1" applyBorder="1" applyAlignment="1">
      <alignment horizontal="center"/>
    </xf>
    <xf numFmtId="0" fontId="8" fillId="0" borderId="6" xfId="0" applyFont="1" applyBorder="1" applyAlignment="1">
      <alignment horizontal="center"/>
    </xf>
    <xf numFmtId="0" fontId="9" fillId="0" borderId="1" xfId="0" applyFont="1" applyBorder="1" applyAlignment="1">
      <alignment horizontal="center" vertical="center" wrapText="1"/>
    </xf>
    <xf numFmtId="0" fontId="6" fillId="5" borderId="1" xfId="0" applyFont="1" applyFill="1" applyBorder="1" applyAlignment="1">
      <alignment horizontal="center" vertical="center"/>
    </xf>
    <xf numFmtId="0" fontId="6" fillId="0" borderId="1" xfId="0" applyFont="1" applyBorder="1" applyAlignment="1">
      <alignment horizontal="left" vertical="center"/>
    </xf>
    <xf numFmtId="0" fontId="3" fillId="0" borderId="1" xfId="0" applyFont="1" applyBorder="1"/>
    <xf numFmtId="0" fontId="9" fillId="3" borderId="1" xfId="0" applyFont="1" applyFill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8" fillId="0" borderId="1" xfId="0" applyFont="1" applyBorder="1" applyAlignment="1">
      <alignment horizontal="center"/>
    </xf>
    <xf numFmtId="0" fontId="9" fillId="6" borderId="1" xfId="0" applyFont="1" applyFill="1" applyBorder="1" applyAlignment="1">
      <alignment horizontal="center" vertical="center"/>
    </xf>
    <xf numFmtId="0" fontId="8" fillId="6" borderId="1" xfId="0" applyFont="1" applyFill="1" applyBorder="1" applyAlignment="1">
      <alignment horizontal="center" vertical="center"/>
    </xf>
    <xf numFmtId="0" fontId="8" fillId="0" borderId="5" xfId="0" applyFont="1" applyBorder="1" applyAlignment="1">
      <alignment horizontal="right" vertical="center"/>
    </xf>
    <xf numFmtId="0" fontId="8" fillId="0" borderId="7" xfId="0" applyFont="1" applyBorder="1" applyAlignment="1">
      <alignment horizontal="right" vertical="center"/>
    </xf>
    <xf numFmtId="0" fontId="8" fillId="0" borderId="6" xfId="0" applyFont="1" applyBorder="1" applyAlignment="1">
      <alignment horizontal="right" vertical="center"/>
    </xf>
    <xf numFmtId="0" fontId="13" fillId="6" borderId="1" xfId="0" applyFont="1" applyFill="1" applyBorder="1" applyAlignment="1">
      <alignment horizontal="center" vertical="center" wrapText="1"/>
    </xf>
    <xf numFmtId="0" fontId="13" fillId="0" borderId="5" xfId="0" applyFont="1" applyBorder="1" applyAlignment="1">
      <alignment horizontal="right"/>
    </xf>
    <xf numFmtId="0" fontId="13" fillId="0" borderId="7" xfId="0" applyFont="1" applyBorder="1" applyAlignment="1">
      <alignment horizontal="right"/>
    </xf>
    <xf numFmtId="0" fontId="13" fillId="0" borderId="6" xfId="0" applyFont="1" applyBorder="1" applyAlignment="1">
      <alignment horizontal="right"/>
    </xf>
    <xf numFmtId="0" fontId="14" fillId="0" borderId="5" xfId="0" applyFont="1" applyBorder="1" applyAlignment="1">
      <alignment horizontal="left" vertical="center" wrapText="1"/>
    </xf>
    <xf numFmtId="0" fontId="14" fillId="0" borderId="7" xfId="0" applyFont="1" applyBorder="1" applyAlignment="1">
      <alignment horizontal="left" vertical="center" wrapText="1"/>
    </xf>
    <xf numFmtId="0" fontId="14" fillId="0" borderId="6" xfId="0" applyFont="1" applyBorder="1" applyAlignment="1">
      <alignment horizontal="left" vertical="center" wrapText="1"/>
    </xf>
    <xf numFmtId="0" fontId="13" fillId="6" borderId="1" xfId="0" applyFont="1" applyFill="1" applyBorder="1" applyAlignment="1">
      <alignment horizontal="center" vertical="center"/>
    </xf>
    <xf numFmtId="0" fontId="14" fillId="6" borderId="1" xfId="0" applyFont="1" applyFill="1" applyBorder="1" applyAlignment="1">
      <alignment horizontal="left" vertical="center" wrapText="1"/>
    </xf>
    <xf numFmtId="0" fontId="13" fillId="0" borderId="0" xfId="0" applyFont="1" applyAlignment="1">
      <alignment horizontal="center" vertical="center" wrapText="1"/>
    </xf>
    <xf numFmtId="0" fontId="10" fillId="0" borderId="16" xfId="0" applyFont="1" applyBorder="1" applyAlignment="1">
      <alignment horizontal="center"/>
    </xf>
    <xf numFmtId="0" fontId="10" fillId="0" borderId="17" xfId="0" applyFont="1" applyBorder="1" applyAlignment="1">
      <alignment horizontal="center"/>
    </xf>
    <xf numFmtId="0" fontId="10" fillId="0" borderId="18" xfId="0" applyFont="1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9" xfId="0" applyBorder="1" applyAlignment="1">
      <alignment horizontal="center"/>
    </xf>
    <xf numFmtId="0" fontId="7" fillId="0" borderId="6" xfId="0" applyFont="1" applyBorder="1" applyAlignment="1">
      <alignment horizontal="left" vertical="center"/>
    </xf>
    <xf numFmtId="0" fontId="32" fillId="0" borderId="1" xfId="0" applyFont="1" applyBorder="1"/>
    <xf numFmtId="0" fontId="7" fillId="3" borderId="6" xfId="0" applyFont="1" applyFill="1" applyBorder="1" applyAlignment="1">
      <alignment horizontal="center" vertical="center"/>
    </xf>
    <xf numFmtId="0" fontId="7" fillId="3" borderId="1" xfId="0" applyFont="1" applyFill="1" applyBorder="1" applyAlignment="1">
      <alignment horizontal="center" vertical="center"/>
    </xf>
    <xf numFmtId="0" fontId="9" fillId="4" borderId="6" xfId="0" applyFont="1" applyFill="1" applyBorder="1" applyAlignment="1">
      <alignment horizontal="center" vertical="center"/>
    </xf>
    <xf numFmtId="0" fontId="7" fillId="2" borderId="6" xfId="0" applyFont="1" applyFill="1" applyBorder="1" applyAlignment="1">
      <alignment horizontal="center" vertical="center"/>
    </xf>
    <xf numFmtId="0" fontId="7" fillId="5" borderId="6" xfId="0" applyFont="1" applyFill="1" applyBorder="1" applyAlignment="1">
      <alignment horizontal="center" vertical="center"/>
    </xf>
    <xf numFmtId="0" fontId="7" fillId="0" borderId="6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2" fillId="0" borderId="1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left" vertical="center" wrapText="1"/>
    </xf>
    <xf numFmtId="0" fontId="33" fillId="0" borderId="0" xfId="0" applyFont="1" applyAlignment="1">
      <alignment vertical="center"/>
    </xf>
    <xf numFmtId="0" fontId="34" fillId="0" borderId="0" xfId="0" applyFont="1" applyAlignment="1">
      <alignment vertical="center"/>
    </xf>
    <xf numFmtId="0" fontId="35" fillId="0" borderId="0" xfId="0" applyFont="1" applyAlignment="1">
      <alignment vertical="center"/>
    </xf>
    <xf numFmtId="0" fontId="36" fillId="0" borderId="0" xfId="0" applyFont="1"/>
    <xf numFmtId="0" fontId="37" fillId="0" borderId="0" xfId="0" applyFont="1" applyAlignment="1">
      <alignment horizontal="center"/>
    </xf>
    <xf numFmtId="0" fontId="35" fillId="0" borderId="0" xfId="0" applyFont="1" applyAlignment="1">
      <alignment horizontal="center" vertical="center" wrapText="1"/>
    </xf>
    <xf numFmtId="0" fontId="35" fillId="0" borderId="1" xfId="0" applyFont="1" applyBorder="1" applyAlignment="1">
      <alignment horizontal="center" vertical="center" wrapText="1"/>
    </xf>
    <xf numFmtId="0" fontId="35" fillId="0" borderId="1" xfId="0" applyFont="1" applyBorder="1" applyAlignment="1">
      <alignment vertical="center"/>
    </xf>
    <xf numFmtId="0" fontId="35" fillId="10" borderId="1" xfId="0" applyFont="1" applyFill="1" applyBorder="1" applyAlignment="1">
      <alignment horizontal="center" vertical="center" wrapText="1"/>
    </xf>
    <xf numFmtId="0" fontId="35" fillId="4" borderId="1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9B818D"/>
      <color rgb="FF00B0F0"/>
      <color rgb="FF3EDE12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D4:Q13"/>
  <sheetViews>
    <sheetView tabSelected="1" topLeftCell="B1" zoomScaleNormal="100" workbookViewId="0">
      <selection activeCell="D15" sqref="D15"/>
    </sheetView>
  </sheetViews>
  <sheetFormatPr defaultRowHeight="14.5"/>
  <cols>
    <col min="4" max="4" width="144.08984375" bestFit="1" customWidth="1"/>
    <col min="11" max="11" width="12.7265625" customWidth="1"/>
  </cols>
  <sheetData>
    <row r="4" spans="4:17" ht="21">
      <c r="D4" s="377" t="s">
        <v>1056</v>
      </c>
      <c r="E4" s="373" t="s">
        <v>1055</v>
      </c>
      <c r="F4" s="373"/>
      <c r="G4" s="373"/>
      <c r="H4" s="373"/>
      <c r="I4" s="373"/>
      <c r="J4" s="373"/>
      <c r="K4" s="373"/>
      <c r="L4" s="373"/>
      <c r="M4" s="373"/>
      <c r="N4" s="373"/>
    </row>
    <row r="5" spans="4:17">
      <c r="D5" s="241"/>
    </row>
    <row r="6" spans="4:17" ht="36">
      <c r="D6" s="378" t="s">
        <v>1051</v>
      </c>
      <c r="E6" s="371"/>
      <c r="F6" s="371"/>
      <c r="G6" s="371"/>
      <c r="H6" s="371"/>
      <c r="I6" s="371"/>
      <c r="J6" s="371"/>
      <c r="K6" s="371"/>
      <c r="L6" s="371"/>
      <c r="M6" s="371"/>
      <c r="N6" s="371"/>
      <c r="O6" s="371"/>
      <c r="P6" s="371"/>
      <c r="Q6" s="369"/>
    </row>
    <row r="7" spans="4:17" ht="18.5">
      <c r="D7" s="376"/>
      <c r="E7" s="372"/>
      <c r="F7" s="372"/>
      <c r="G7" s="372"/>
      <c r="H7" s="372"/>
      <c r="I7" s="372"/>
      <c r="J7" s="372"/>
      <c r="K7" s="372"/>
      <c r="L7" s="372"/>
      <c r="M7" s="372"/>
      <c r="N7" s="372"/>
      <c r="O7" s="372"/>
      <c r="P7" s="372"/>
    </row>
    <row r="8" spans="4:17" ht="18.5">
      <c r="D8" s="378" t="s">
        <v>1052</v>
      </c>
      <c r="E8" s="374"/>
      <c r="F8" s="374"/>
      <c r="G8" s="374"/>
      <c r="H8" s="374"/>
      <c r="I8" s="374"/>
      <c r="J8" s="374"/>
      <c r="K8" s="374"/>
      <c r="L8" s="372"/>
      <c r="M8" s="372"/>
      <c r="N8" s="372"/>
      <c r="O8" s="372"/>
      <c r="P8" s="372"/>
    </row>
    <row r="9" spans="4:17" ht="18.5">
      <c r="D9" s="375"/>
      <c r="E9" s="374"/>
      <c r="F9" s="374"/>
      <c r="G9" s="374"/>
      <c r="H9" s="374"/>
      <c r="I9" s="374"/>
      <c r="J9" s="374"/>
      <c r="K9" s="374"/>
      <c r="L9" s="372"/>
      <c r="M9" s="372"/>
      <c r="N9" s="372"/>
      <c r="O9" s="372"/>
      <c r="P9" s="372"/>
    </row>
    <row r="10" spans="4:17" ht="18.5">
      <c r="D10" s="378" t="s">
        <v>1053</v>
      </c>
      <c r="E10" s="374"/>
      <c r="F10" s="374"/>
      <c r="G10" s="374"/>
      <c r="H10" s="374"/>
      <c r="I10" s="374"/>
      <c r="J10" s="374"/>
      <c r="K10" s="374"/>
      <c r="L10" s="372"/>
      <c r="M10" s="372"/>
      <c r="N10" s="372"/>
      <c r="O10" s="372"/>
      <c r="P10" s="372"/>
    </row>
    <row r="11" spans="4:17" ht="18.5">
      <c r="D11" s="375"/>
      <c r="E11" s="374"/>
      <c r="F11" s="374"/>
      <c r="G11" s="374"/>
      <c r="H11" s="374"/>
      <c r="I11" s="374"/>
      <c r="J11" s="374"/>
      <c r="K11" s="374"/>
      <c r="L11" s="372"/>
      <c r="M11" s="372"/>
      <c r="N11" s="372"/>
      <c r="O11" s="372"/>
      <c r="P11" s="372"/>
    </row>
    <row r="12" spans="4:17" ht="18">
      <c r="D12" s="378" t="s">
        <v>1054</v>
      </c>
      <c r="E12" s="374"/>
      <c r="F12" s="374"/>
      <c r="G12" s="374"/>
      <c r="H12" s="374"/>
      <c r="I12" s="374"/>
      <c r="J12" s="374"/>
      <c r="K12" s="374"/>
      <c r="L12" s="371"/>
      <c r="M12" s="371"/>
      <c r="N12" s="371"/>
      <c r="O12" s="371"/>
      <c r="P12" s="371"/>
    </row>
    <row r="13" spans="4:17">
      <c r="D13" s="370"/>
    </row>
  </sheetData>
  <mergeCells count="1">
    <mergeCell ref="E4:N4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1012"/>
  <sheetViews>
    <sheetView zoomScale="115" zoomScaleNormal="115" workbookViewId="0">
      <pane xSplit="2" ySplit="3" topLeftCell="C4" activePane="bottomRight" state="frozen"/>
      <selection pane="topRight" activeCell="C1" sqref="C1"/>
      <selection pane="bottomLeft" activeCell="A4" sqref="A4"/>
      <selection pane="bottomRight" activeCell="C16" sqref="C16"/>
    </sheetView>
  </sheetViews>
  <sheetFormatPr defaultRowHeight="14.5"/>
  <cols>
    <col min="1" max="1" width="5" bestFit="1" customWidth="1"/>
    <col min="2" max="2" width="53.81640625" customWidth="1"/>
    <col min="3" max="3" width="13.54296875" style="144" customWidth="1"/>
    <col min="4" max="4" width="12" style="144" customWidth="1"/>
    <col min="5" max="5" width="14" style="31" customWidth="1"/>
    <col min="6" max="6" width="12.54296875" style="31" customWidth="1"/>
    <col min="7" max="7" width="15.36328125" style="164" customWidth="1"/>
    <col min="8" max="8" width="14.90625" style="164" customWidth="1"/>
    <col min="9" max="9" width="13.90625" style="164" customWidth="1"/>
    <col min="10" max="10" width="14.90625" style="164" customWidth="1"/>
    <col min="11" max="11" width="16.36328125" style="164" customWidth="1"/>
    <col min="12" max="12" width="13.453125" style="164" customWidth="1"/>
    <col min="13" max="13" width="15.54296875" style="181" customWidth="1"/>
    <col min="14" max="14" width="13.36328125" style="181" customWidth="1"/>
    <col min="15" max="15" width="12" style="181" customWidth="1"/>
    <col min="16" max="16" width="59.6328125" bestFit="1" customWidth="1"/>
    <col min="17" max="17" width="57" customWidth="1"/>
    <col min="18" max="18" width="30.36328125" bestFit="1" customWidth="1"/>
  </cols>
  <sheetData>
    <row r="1" spans="1:18" ht="44.25" customHeight="1">
      <c r="B1" s="249" t="s">
        <v>1050</v>
      </c>
      <c r="C1" s="249"/>
      <c r="D1" s="249"/>
      <c r="E1" s="249"/>
      <c r="F1" s="249"/>
      <c r="G1" s="249"/>
      <c r="H1" s="249"/>
      <c r="I1" s="249"/>
      <c r="J1" s="249"/>
      <c r="K1" s="249"/>
      <c r="L1" s="249"/>
      <c r="M1" s="249"/>
      <c r="N1" s="249"/>
      <c r="O1" s="249"/>
      <c r="P1" s="249"/>
      <c r="Q1" s="249"/>
      <c r="R1" s="249"/>
    </row>
    <row r="2" spans="1:18">
      <c r="B2" s="292" t="s">
        <v>0</v>
      </c>
      <c r="C2" s="290" t="s">
        <v>142</v>
      </c>
      <c r="D2" s="290"/>
      <c r="E2" s="291" t="s">
        <v>143</v>
      </c>
      <c r="F2" s="291"/>
      <c r="G2" s="287" t="s">
        <v>145</v>
      </c>
      <c r="H2" s="287"/>
      <c r="I2" s="287"/>
      <c r="J2" s="287"/>
      <c r="K2" s="287"/>
      <c r="L2" s="287"/>
      <c r="M2" s="289" t="s">
        <v>144</v>
      </c>
      <c r="N2" s="289"/>
      <c r="O2" s="289"/>
      <c r="P2" s="286" t="s">
        <v>152</v>
      </c>
      <c r="Q2" s="286" t="s">
        <v>153</v>
      </c>
      <c r="R2" s="286" t="s">
        <v>154</v>
      </c>
    </row>
    <row r="3" spans="1:18">
      <c r="B3" s="293"/>
      <c r="C3" s="290"/>
      <c r="D3" s="290"/>
      <c r="E3" s="291"/>
      <c r="F3" s="291"/>
      <c r="G3" s="287" t="s">
        <v>146</v>
      </c>
      <c r="H3" s="287"/>
      <c r="I3" s="287" t="s">
        <v>147</v>
      </c>
      <c r="J3" s="287"/>
      <c r="K3" s="287" t="s">
        <v>148</v>
      </c>
      <c r="L3" s="287"/>
      <c r="M3" s="165" t="s">
        <v>149</v>
      </c>
      <c r="N3" s="288" t="s">
        <v>150</v>
      </c>
      <c r="O3" s="288"/>
      <c r="P3" s="286"/>
      <c r="Q3" s="286"/>
      <c r="R3" s="286"/>
    </row>
    <row r="4" spans="1:18">
      <c r="C4" s="129" t="s">
        <v>140</v>
      </c>
      <c r="D4" s="129" t="s">
        <v>141</v>
      </c>
      <c r="E4" s="27" t="s">
        <v>140</v>
      </c>
      <c r="F4" s="27" t="s">
        <v>141</v>
      </c>
      <c r="G4" s="147" t="s">
        <v>140</v>
      </c>
      <c r="H4" s="148" t="s">
        <v>141</v>
      </c>
      <c r="I4" s="147" t="s">
        <v>140</v>
      </c>
      <c r="J4" s="148" t="s">
        <v>141</v>
      </c>
      <c r="K4" s="147" t="s">
        <v>140</v>
      </c>
      <c r="L4" s="148" t="s">
        <v>141</v>
      </c>
      <c r="M4" s="165" t="s">
        <v>140</v>
      </c>
      <c r="N4" s="165" t="s">
        <v>140</v>
      </c>
      <c r="O4" s="165" t="s">
        <v>151</v>
      </c>
      <c r="P4" s="286"/>
      <c r="Q4" s="286"/>
      <c r="R4" s="286"/>
    </row>
    <row r="5" spans="1:18">
      <c r="C5" s="130"/>
      <c r="D5" s="130"/>
      <c r="E5" s="28"/>
      <c r="F5" s="28"/>
      <c r="G5" s="149"/>
      <c r="H5" s="149"/>
      <c r="I5" s="149"/>
      <c r="J5" s="149"/>
      <c r="K5" s="149"/>
      <c r="L5" s="149"/>
      <c r="M5" s="166"/>
      <c r="N5" s="166"/>
      <c r="O5" s="166"/>
      <c r="P5" s="17"/>
      <c r="Q5" s="17"/>
      <c r="R5" s="17"/>
    </row>
    <row r="6" spans="1:18">
      <c r="A6">
        <v>1</v>
      </c>
      <c r="B6" s="1" t="s">
        <v>1</v>
      </c>
      <c r="C6" s="297" t="s">
        <v>773</v>
      </c>
      <c r="D6" s="298"/>
      <c r="E6" s="298"/>
      <c r="F6" s="298"/>
      <c r="G6" s="298"/>
      <c r="H6" s="298"/>
      <c r="I6" s="298"/>
      <c r="J6" s="298"/>
      <c r="K6" s="298"/>
      <c r="L6" s="298"/>
      <c r="M6" s="298"/>
      <c r="N6" s="298"/>
      <c r="O6" s="299"/>
      <c r="P6" s="15" t="s">
        <v>772</v>
      </c>
      <c r="Q6" s="10" t="s">
        <v>156</v>
      </c>
      <c r="R6" s="17">
        <v>70</v>
      </c>
    </row>
    <row r="7" spans="1:18">
      <c r="B7" s="5" t="s">
        <v>291</v>
      </c>
      <c r="C7" s="271" t="s">
        <v>155</v>
      </c>
      <c r="D7" s="271" t="s">
        <v>155</v>
      </c>
      <c r="E7" s="270" t="s">
        <v>155</v>
      </c>
      <c r="F7" s="270" t="s">
        <v>155</v>
      </c>
      <c r="G7" s="268" t="s">
        <v>155</v>
      </c>
      <c r="H7" s="268" t="s">
        <v>155</v>
      </c>
      <c r="I7" s="268" t="s">
        <v>155</v>
      </c>
      <c r="J7" s="268" t="s">
        <v>155</v>
      </c>
      <c r="K7" s="268" t="s">
        <v>155</v>
      </c>
      <c r="L7" s="268" t="s">
        <v>155</v>
      </c>
      <c r="M7" s="269" t="s">
        <v>155</v>
      </c>
      <c r="N7" s="269" t="s">
        <v>155</v>
      </c>
      <c r="O7" s="269" t="s">
        <v>155</v>
      </c>
      <c r="P7" s="9" t="s">
        <v>489</v>
      </c>
      <c r="Q7" s="10" t="s">
        <v>156</v>
      </c>
      <c r="R7" s="10">
        <v>6</v>
      </c>
    </row>
    <row r="8" spans="1:18">
      <c r="B8" s="1" t="s">
        <v>909</v>
      </c>
      <c r="C8" s="271"/>
      <c r="D8" s="271"/>
      <c r="E8" s="270"/>
      <c r="F8" s="270"/>
      <c r="G8" s="268"/>
      <c r="H8" s="268"/>
      <c r="I8" s="268"/>
      <c r="J8" s="268"/>
      <c r="K8" s="268"/>
      <c r="L8" s="268"/>
      <c r="M8" s="269"/>
      <c r="N8" s="269"/>
      <c r="O8" s="269"/>
      <c r="P8" s="9" t="s">
        <v>490</v>
      </c>
      <c r="Q8" s="10" t="s">
        <v>156</v>
      </c>
      <c r="R8" s="10">
        <v>70</v>
      </c>
    </row>
    <row r="9" spans="1:18">
      <c r="B9" s="86" t="s">
        <v>908</v>
      </c>
      <c r="C9" s="271"/>
      <c r="D9" s="271"/>
      <c r="E9" s="270"/>
      <c r="F9" s="270"/>
      <c r="G9" s="268"/>
      <c r="H9" s="268"/>
      <c r="I9" s="268"/>
      <c r="J9" s="268"/>
      <c r="K9" s="268"/>
      <c r="L9" s="268"/>
      <c r="M9" s="269"/>
      <c r="N9" s="269"/>
      <c r="O9" s="269"/>
      <c r="P9" s="89" t="s">
        <v>223</v>
      </c>
      <c r="Q9" s="89" t="s">
        <v>910</v>
      </c>
      <c r="R9" s="89">
        <v>1</v>
      </c>
    </row>
    <row r="10" spans="1:18">
      <c r="B10" s="1" t="s">
        <v>907</v>
      </c>
      <c r="C10" s="271"/>
      <c r="D10" s="271"/>
      <c r="E10" s="270"/>
      <c r="F10" s="270"/>
      <c r="G10" s="268"/>
      <c r="H10" s="268"/>
      <c r="I10" s="268"/>
      <c r="J10" s="268"/>
      <c r="K10" s="268"/>
      <c r="L10" s="268"/>
      <c r="M10" s="269"/>
      <c r="N10" s="269"/>
      <c r="O10" s="269"/>
      <c r="P10" s="9" t="s">
        <v>491</v>
      </c>
      <c r="Q10" s="89" t="s">
        <v>925</v>
      </c>
      <c r="R10" s="10">
        <v>5</v>
      </c>
    </row>
    <row r="11" spans="1:18" s="45" customFormat="1">
      <c r="B11" s="3" t="s">
        <v>800</v>
      </c>
      <c r="C11" s="131" t="s">
        <v>172</v>
      </c>
      <c r="D11" s="131" t="s">
        <v>172</v>
      </c>
      <c r="E11" s="29" t="s">
        <v>172</v>
      </c>
      <c r="F11" s="29" t="s">
        <v>172</v>
      </c>
      <c r="G11" s="150" t="s">
        <v>172</v>
      </c>
      <c r="H11" s="150" t="s">
        <v>172</v>
      </c>
      <c r="I11" s="150" t="s">
        <v>172</v>
      </c>
      <c r="J11" s="150" t="s">
        <v>172</v>
      </c>
      <c r="K11" s="150" t="s">
        <v>172</v>
      </c>
      <c r="L11" s="150" t="s">
        <v>172</v>
      </c>
      <c r="M11" s="167" t="s">
        <v>172</v>
      </c>
      <c r="N11" s="167" t="s">
        <v>172</v>
      </c>
      <c r="O11" s="167" t="s">
        <v>172</v>
      </c>
      <c r="P11" s="14" t="s">
        <v>799</v>
      </c>
      <c r="Q11" s="13" t="s">
        <v>156</v>
      </c>
      <c r="R11" s="13">
        <v>70</v>
      </c>
    </row>
    <row r="12" spans="1:18" s="45" customFormat="1">
      <c r="B12" s="3" t="s">
        <v>774</v>
      </c>
      <c r="C12" s="131" t="s">
        <v>172</v>
      </c>
      <c r="D12" s="131" t="s">
        <v>172</v>
      </c>
      <c r="E12" s="29" t="s">
        <v>172</v>
      </c>
      <c r="F12" s="29" t="s">
        <v>172</v>
      </c>
      <c r="G12" s="150" t="s">
        <v>172</v>
      </c>
      <c r="H12" s="150" t="s">
        <v>172</v>
      </c>
      <c r="I12" s="150" t="s">
        <v>172</v>
      </c>
      <c r="J12" s="150" t="s">
        <v>172</v>
      </c>
      <c r="K12" s="150" t="s">
        <v>172</v>
      </c>
      <c r="L12" s="150" t="s">
        <v>172</v>
      </c>
      <c r="M12" s="167" t="s">
        <v>172</v>
      </c>
      <c r="N12" s="167" t="s">
        <v>172</v>
      </c>
      <c r="O12" s="167" t="s">
        <v>172</v>
      </c>
      <c r="P12" s="14" t="s">
        <v>690</v>
      </c>
      <c r="Q12" s="13" t="s">
        <v>691</v>
      </c>
      <c r="R12" s="13">
        <v>70</v>
      </c>
    </row>
    <row r="13" spans="1:18" s="45" customFormat="1">
      <c r="B13" s="3" t="s">
        <v>692</v>
      </c>
      <c r="C13" s="131" t="s">
        <v>172</v>
      </c>
      <c r="D13" s="131" t="s">
        <v>172</v>
      </c>
      <c r="E13" s="29" t="s">
        <v>172</v>
      </c>
      <c r="F13" s="29" t="s">
        <v>172</v>
      </c>
      <c r="G13" s="150" t="s">
        <v>172</v>
      </c>
      <c r="H13" s="150" t="s">
        <v>172</v>
      </c>
      <c r="I13" s="150" t="s">
        <v>172</v>
      </c>
      <c r="J13" s="150" t="s">
        <v>172</v>
      </c>
      <c r="K13" s="150" t="s">
        <v>172</v>
      </c>
      <c r="L13" s="150" t="s">
        <v>172</v>
      </c>
      <c r="M13" s="167" t="s">
        <v>172</v>
      </c>
      <c r="N13" s="167" t="s">
        <v>172</v>
      </c>
      <c r="O13" s="167" t="s">
        <v>172</v>
      </c>
      <c r="P13" s="14" t="s">
        <v>693</v>
      </c>
      <c r="Q13" s="13" t="s">
        <v>694</v>
      </c>
      <c r="R13" s="13">
        <v>70</v>
      </c>
    </row>
    <row r="14" spans="1:18" ht="14.25" customHeight="1">
      <c r="A14">
        <v>2</v>
      </c>
      <c r="B14" s="1" t="s">
        <v>2</v>
      </c>
      <c r="C14" s="130" t="s">
        <v>155</v>
      </c>
      <c r="D14" s="130" t="s">
        <v>155</v>
      </c>
      <c r="E14" s="28" t="s">
        <v>155</v>
      </c>
      <c r="F14" s="28" t="s">
        <v>155</v>
      </c>
      <c r="G14" s="149" t="s">
        <v>155</v>
      </c>
      <c r="H14" s="149" t="s">
        <v>155</v>
      </c>
      <c r="I14" s="149" t="s">
        <v>155</v>
      </c>
      <c r="J14" s="149" t="s">
        <v>155</v>
      </c>
      <c r="K14" s="149" t="s">
        <v>155</v>
      </c>
      <c r="L14" s="149" t="s">
        <v>155</v>
      </c>
      <c r="M14" s="166" t="s">
        <v>155</v>
      </c>
      <c r="N14" s="166" t="s">
        <v>155</v>
      </c>
      <c r="O14" s="166" t="s">
        <v>155</v>
      </c>
      <c r="P14" s="16" t="s">
        <v>157</v>
      </c>
      <c r="Q14" s="10" t="s">
        <v>158</v>
      </c>
      <c r="R14" s="10">
        <v>1</v>
      </c>
    </row>
    <row r="15" spans="1:18">
      <c r="A15">
        <v>3</v>
      </c>
      <c r="B15" s="86" t="s">
        <v>957</v>
      </c>
      <c r="C15" s="130" t="s">
        <v>159</v>
      </c>
      <c r="D15" s="130" t="s">
        <v>155</v>
      </c>
      <c r="E15" s="28" t="s">
        <v>159</v>
      </c>
      <c r="F15" s="28" t="s">
        <v>155</v>
      </c>
      <c r="G15" s="149" t="s">
        <v>159</v>
      </c>
      <c r="H15" s="149" t="s">
        <v>155</v>
      </c>
      <c r="I15" s="149" t="s">
        <v>159</v>
      </c>
      <c r="J15" s="149" t="s">
        <v>155</v>
      </c>
      <c r="K15" s="149" t="s">
        <v>159</v>
      </c>
      <c r="L15" s="149" t="s">
        <v>155</v>
      </c>
      <c r="M15" s="166" t="s">
        <v>159</v>
      </c>
      <c r="N15" s="166" t="s">
        <v>159</v>
      </c>
      <c r="O15" s="166" t="s">
        <v>155</v>
      </c>
      <c r="P15" s="9" t="s">
        <v>160</v>
      </c>
      <c r="Q15" s="10" t="s">
        <v>161</v>
      </c>
      <c r="R15" s="10">
        <v>140</v>
      </c>
    </row>
    <row r="16" spans="1:18">
      <c r="A16">
        <v>4</v>
      </c>
      <c r="B16" s="86" t="s">
        <v>958</v>
      </c>
      <c r="C16" s="130" t="s">
        <v>159</v>
      </c>
      <c r="D16" s="130" t="s">
        <v>155</v>
      </c>
      <c r="E16" s="28" t="s">
        <v>159</v>
      </c>
      <c r="F16" s="28" t="s">
        <v>155</v>
      </c>
      <c r="G16" s="149" t="s">
        <v>159</v>
      </c>
      <c r="H16" s="149" t="s">
        <v>155</v>
      </c>
      <c r="I16" s="149" t="s">
        <v>159</v>
      </c>
      <c r="J16" s="149" t="s">
        <v>155</v>
      </c>
      <c r="K16" s="149" t="s">
        <v>159</v>
      </c>
      <c r="L16" s="149" t="s">
        <v>155</v>
      </c>
      <c r="M16" s="166" t="s">
        <v>159</v>
      </c>
      <c r="N16" s="166" t="s">
        <v>159</v>
      </c>
      <c r="O16" s="166" t="s">
        <v>155</v>
      </c>
      <c r="P16" s="9" t="s">
        <v>162</v>
      </c>
      <c r="Q16" s="10" t="s">
        <v>163</v>
      </c>
      <c r="R16" s="10">
        <v>140</v>
      </c>
    </row>
    <row r="17" spans="1:18">
      <c r="A17" s="248">
        <v>5</v>
      </c>
      <c r="B17" s="5" t="s">
        <v>164</v>
      </c>
      <c r="C17" s="130" t="s">
        <v>155</v>
      </c>
      <c r="D17" s="130" t="s">
        <v>155</v>
      </c>
      <c r="E17" s="28" t="s">
        <v>155</v>
      </c>
      <c r="F17" s="28" t="s">
        <v>155</v>
      </c>
      <c r="G17" s="149" t="s">
        <v>155</v>
      </c>
      <c r="H17" s="149" t="s">
        <v>155</v>
      </c>
      <c r="I17" s="149" t="s">
        <v>155</v>
      </c>
      <c r="J17" s="149" t="s">
        <v>155</v>
      </c>
      <c r="K17" s="149" t="s">
        <v>155</v>
      </c>
      <c r="L17" s="149" t="s">
        <v>155</v>
      </c>
      <c r="M17" s="166" t="s">
        <v>155</v>
      </c>
      <c r="N17" s="166" t="s">
        <v>155</v>
      </c>
      <c r="O17" s="166" t="s">
        <v>155</v>
      </c>
      <c r="P17" s="9" t="s">
        <v>167</v>
      </c>
      <c r="Q17" s="10" t="s">
        <v>168</v>
      </c>
      <c r="R17" s="10" t="s">
        <v>169</v>
      </c>
    </row>
    <row r="18" spans="1:18">
      <c r="A18" s="248"/>
      <c r="B18" s="5" t="s">
        <v>166</v>
      </c>
      <c r="C18" s="130" t="s">
        <v>155</v>
      </c>
      <c r="D18" s="130" t="s">
        <v>155</v>
      </c>
      <c r="E18" s="28" t="s">
        <v>155</v>
      </c>
      <c r="F18" s="28" t="s">
        <v>155</v>
      </c>
      <c r="G18" s="149" t="s">
        <v>155</v>
      </c>
      <c r="H18" s="149" t="s">
        <v>155</v>
      </c>
      <c r="I18" s="149" t="s">
        <v>155</v>
      </c>
      <c r="J18" s="149" t="s">
        <v>155</v>
      </c>
      <c r="K18" s="149" t="s">
        <v>155</v>
      </c>
      <c r="L18" s="149" t="s">
        <v>155</v>
      </c>
      <c r="M18" s="166" t="s">
        <v>155</v>
      </c>
      <c r="N18" s="166" t="s">
        <v>155</v>
      </c>
      <c r="O18" s="166" t="s">
        <v>155</v>
      </c>
      <c r="P18" s="9" t="s">
        <v>170</v>
      </c>
      <c r="Q18" s="10" t="s">
        <v>171</v>
      </c>
      <c r="R18" s="10" t="s">
        <v>169</v>
      </c>
    </row>
    <row r="19" spans="1:18" s="6" customFormat="1">
      <c r="A19" s="6">
        <v>6</v>
      </c>
      <c r="B19" s="7" t="s">
        <v>165</v>
      </c>
      <c r="C19" s="132" t="s">
        <v>172</v>
      </c>
      <c r="D19" s="132" t="s">
        <v>172</v>
      </c>
      <c r="E19" s="29" t="s">
        <v>172</v>
      </c>
      <c r="F19" s="29" t="s">
        <v>172</v>
      </c>
      <c r="G19" s="151" t="s">
        <v>172</v>
      </c>
      <c r="H19" s="151" t="s">
        <v>172</v>
      </c>
      <c r="I19" s="151" t="s">
        <v>172</v>
      </c>
      <c r="J19" s="151" t="s">
        <v>172</v>
      </c>
      <c r="K19" s="151" t="s">
        <v>172</v>
      </c>
      <c r="L19" s="151" t="s">
        <v>172</v>
      </c>
      <c r="M19" s="168" t="s">
        <v>172</v>
      </c>
      <c r="N19" s="168" t="s">
        <v>172</v>
      </c>
      <c r="O19" s="168" t="s">
        <v>172</v>
      </c>
      <c r="P19" s="11" t="s">
        <v>167</v>
      </c>
      <c r="Q19" s="11" t="s">
        <v>173</v>
      </c>
      <c r="R19" s="12" t="s">
        <v>169</v>
      </c>
    </row>
    <row r="20" spans="1:18">
      <c r="A20" s="294">
        <v>7</v>
      </c>
      <c r="B20" s="85" t="s">
        <v>1030</v>
      </c>
      <c r="C20" s="130" t="s">
        <v>172</v>
      </c>
      <c r="D20" s="130" t="s">
        <v>172</v>
      </c>
      <c r="E20" s="28" t="s">
        <v>172</v>
      </c>
      <c r="F20" s="28" t="s">
        <v>172</v>
      </c>
      <c r="G20" s="149" t="s">
        <v>172</v>
      </c>
      <c r="H20" s="149" t="s">
        <v>172</v>
      </c>
      <c r="I20" s="149" t="s">
        <v>172</v>
      </c>
      <c r="J20" s="149" t="s">
        <v>172</v>
      </c>
      <c r="K20" s="149" t="s">
        <v>172</v>
      </c>
      <c r="L20" s="149" t="s">
        <v>172</v>
      </c>
      <c r="M20" s="166" t="s">
        <v>172</v>
      </c>
      <c r="N20" s="166" t="s">
        <v>172</v>
      </c>
      <c r="O20" s="166" t="s">
        <v>172</v>
      </c>
      <c r="P20" s="10" t="s">
        <v>174</v>
      </c>
      <c r="Q20" s="10" t="s">
        <v>175</v>
      </c>
      <c r="R20" s="10" t="s">
        <v>169</v>
      </c>
    </row>
    <row r="21" spans="1:18" s="45" customFormat="1">
      <c r="A21" s="294"/>
      <c r="B21" s="85" t="s">
        <v>900</v>
      </c>
      <c r="C21" s="133" t="s">
        <v>172</v>
      </c>
      <c r="D21" s="133" t="s">
        <v>172</v>
      </c>
      <c r="E21" s="28" t="s">
        <v>172</v>
      </c>
      <c r="F21" s="28" t="s">
        <v>172</v>
      </c>
      <c r="G21" s="152" t="s">
        <v>172</v>
      </c>
      <c r="H21" s="152" t="s">
        <v>172</v>
      </c>
      <c r="I21" s="152" t="s">
        <v>172</v>
      </c>
      <c r="J21" s="152" t="s">
        <v>172</v>
      </c>
      <c r="K21" s="152" t="s">
        <v>172</v>
      </c>
      <c r="L21" s="152" t="s">
        <v>172</v>
      </c>
      <c r="M21" s="169" t="s">
        <v>172</v>
      </c>
      <c r="N21" s="169" t="s">
        <v>172</v>
      </c>
      <c r="O21" s="169" t="s">
        <v>172</v>
      </c>
      <c r="P21" s="13" t="s">
        <v>176</v>
      </c>
      <c r="Q21" s="14" t="s">
        <v>177</v>
      </c>
      <c r="R21" s="13" t="s">
        <v>169</v>
      </c>
    </row>
    <row r="22" spans="1:18" s="45" customFormat="1" ht="15" customHeight="1">
      <c r="A22" s="294"/>
      <c r="B22" s="3" t="s">
        <v>755</v>
      </c>
      <c r="C22" s="133" t="s">
        <v>172</v>
      </c>
      <c r="D22" s="133" t="s">
        <v>172</v>
      </c>
      <c r="E22" s="28" t="s">
        <v>172</v>
      </c>
      <c r="F22" s="28" t="s">
        <v>172</v>
      </c>
      <c r="G22" s="152" t="s">
        <v>172</v>
      </c>
      <c r="H22" s="152" t="s">
        <v>172</v>
      </c>
      <c r="I22" s="152" t="s">
        <v>172</v>
      </c>
      <c r="J22" s="152" t="s">
        <v>172</v>
      </c>
      <c r="K22" s="152" t="s">
        <v>172</v>
      </c>
      <c r="L22" s="152" t="s">
        <v>172</v>
      </c>
      <c r="M22" s="169" t="s">
        <v>172</v>
      </c>
      <c r="N22" s="169" t="s">
        <v>172</v>
      </c>
      <c r="O22" s="169" t="s">
        <v>172</v>
      </c>
      <c r="P22" s="13" t="s">
        <v>760</v>
      </c>
      <c r="Q22" s="14" t="s">
        <v>759</v>
      </c>
      <c r="R22" s="13">
        <v>145</v>
      </c>
    </row>
    <row r="23" spans="1:18" s="45" customFormat="1">
      <c r="A23" s="294"/>
      <c r="B23" s="3" t="s">
        <v>756</v>
      </c>
      <c r="C23" s="133" t="s">
        <v>172</v>
      </c>
      <c r="D23" s="133" t="s">
        <v>172</v>
      </c>
      <c r="E23" s="28" t="s">
        <v>172</v>
      </c>
      <c r="F23" s="28" t="s">
        <v>172</v>
      </c>
      <c r="G23" s="152" t="s">
        <v>172</v>
      </c>
      <c r="H23" s="152" t="s">
        <v>172</v>
      </c>
      <c r="I23" s="152" t="s">
        <v>172</v>
      </c>
      <c r="J23" s="152" t="s">
        <v>172</v>
      </c>
      <c r="K23" s="152" t="s">
        <v>172</v>
      </c>
      <c r="L23" s="152" t="s">
        <v>172</v>
      </c>
      <c r="M23" s="169" t="s">
        <v>172</v>
      </c>
      <c r="N23" s="169" t="s">
        <v>172</v>
      </c>
      <c r="O23" s="169" t="s">
        <v>172</v>
      </c>
      <c r="P23" s="13" t="s">
        <v>761</v>
      </c>
      <c r="Q23" s="14" t="s">
        <v>764</v>
      </c>
      <c r="R23" s="13">
        <v>146</v>
      </c>
    </row>
    <row r="24" spans="1:18" s="45" customFormat="1">
      <c r="A24" s="294"/>
      <c r="B24" s="3" t="s">
        <v>757</v>
      </c>
      <c r="C24" s="133" t="s">
        <v>172</v>
      </c>
      <c r="D24" s="133" t="s">
        <v>172</v>
      </c>
      <c r="E24" s="28" t="s">
        <v>172</v>
      </c>
      <c r="F24" s="28" t="s">
        <v>172</v>
      </c>
      <c r="G24" s="152" t="s">
        <v>172</v>
      </c>
      <c r="H24" s="152" t="s">
        <v>172</v>
      </c>
      <c r="I24" s="152" t="s">
        <v>172</v>
      </c>
      <c r="J24" s="152" t="s">
        <v>172</v>
      </c>
      <c r="K24" s="152" t="s">
        <v>172</v>
      </c>
      <c r="L24" s="152" t="s">
        <v>172</v>
      </c>
      <c r="M24" s="169" t="s">
        <v>172</v>
      </c>
      <c r="N24" s="169" t="s">
        <v>172</v>
      </c>
      <c r="O24" s="169" t="s">
        <v>172</v>
      </c>
      <c r="P24" s="13" t="s">
        <v>762</v>
      </c>
      <c r="Q24" s="14" t="s">
        <v>765</v>
      </c>
      <c r="R24" s="13">
        <v>147</v>
      </c>
    </row>
    <row r="25" spans="1:18" s="45" customFormat="1">
      <c r="A25" s="294"/>
      <c r="B25" s="3" t="s">
        <v>758</v>
      </c>
      <c r="C25" s="133" t="s">
        <v>155</v>
      </c>
      <c r="D25" s="133" t="s">
        <v>155</v>
      </c>
      <c r="E25" s="28" t="s">
        <v>155</v>
      </c>
      <c r="F25" s="28" t="s">
        <v>155</v>
      </c>
      <c r="G25" s="152" t="s">
        <v>155</v>
      </c>
      <c r="H25" s="152" t="s">
        <v>155</v>
      </c>
      <c r="I25" s="152" t="s">
        <v>155</v>
      </c>
      <c r="J25" s="152" t="s">
        <v>155</v>
      </c>
      <c r="K25" s="152" t="s">
        <v>155</v>
      </c>
      <c r="L25" s="152" t="s">
        <v>155</v>
      </c>
      <c r="M25" s="169" t="s">
        <v>155</v>
      </c>
      <c r="N25" s="169" t="s">
        <v>155</v>
      </c>
      <c r="O25" s="169" t="s">
        <v>155</v>
      </c>
      <c r="P25" s="13" t="s">
        <v>763</v>
      </c>
      <c r="Q25" s="14" t="s">
        <v>766</v>
      </c>
      <c r="R25" s="13">
        <v>148</v>
      </c>
    </row>
    <row r="26" spans="1:18">
      <c r="A26" s="248">
        <v>8</v>
      </c>
      <c r="B26" s="1" t="s">
        <v>3</v>
      </c>
      <c r="C26" s="271" t="s">
        <v>155</v>
      </c>
      <c r="D26" s="271" t="s">
        <v>155</v>
      </c>
      <c r="E26" s="270" t="s">
        <v>159</v>
      </c>
      <c r="F26" s="270" t="s">
        <v>159</v>
      </c>
      <c r="G26" s="268" t="s">
        <v>159</v>
      </c>
      <c r="H26" s="268" t="s">
        <v>159</v>
      </c>
      <c r="I26" s="268" t="s">
        <v>159</v>
      </c>
      <c r="J26" s="268" t="s">
        <v>159</v>
      </c>
      <c r="K26" s="268" t="s">
        <v>159</v>
      </c>
      <c r="L26" s="268" t="s">
        <v>159</v>
      </c>
      <c r="M26" s="269" t="s">
        <v>159</v>
      </c>
      <c r="N26" s="269" t="s">
        <v>159</v>
      </c>
      <c r="O26" s="269" t="s">
        <v>159</v>
      </c>
      <c r="P26" s="16" t="s">
        <v>261</v>
      </c>
      <c r="Q26" s="9" t="s">
        <v>262</v>
      </c>
      <c r="R26" s="10" t="s">
        <v>169</v>
      </c>
    </row>
    <row r="27" spans="1:18">
      <c r="A27" s="248"/>
      <c r="B27" s="1" t="s">
        <v>4</v>
      </c>
      <c r="C27" s="271"/>
      <c r="D27" s="271"/>
      <c r="E27" s="270"/>
      <c r="F27" s="270"/>
      <c r="G27" s="268"/>
      <c r="H27" s="268"/>
      <c r="I27" s="268"/>
      <c r="J27" s="268"/>
      <c r="K27" s="268"/>
      <c r="L27" s="268"/>
      <c r="M27" s="269"/>
      <c r="N27" s="269"/>
      <c r="O27" s="269"/>
      <c r="P27" s="10" t="s">
        <v>263</v>
      </c>
      <c r="Q27" s="9" t="s">
        <v>264</v>
      </c>
      <c r="R27" s="10" t="s">
        <v>169</v>
      </c>
    </row>
    <row r="28" spans="1:18">
      <c r="A28">
        <v>9</v>
      </c>
      <c r="B28" s="1" t="s">
        <v>5</v>
      </c>
      <c r="C28" s="130" t="s">
        <v>155</v>
      </c>
      <c r="D28" s="130" t="s">
        <v>155</v>
      </c>
      <c r="E28" s="28" t="s">
        <v>155</v>
      </c>
      <c r="F28" s="28" t="s">
        <v>155</v>
      </c>
      <c r="G28" s="149" t="s">
        <v>155</v>
      </c>
      <c r="H28" s="149" t="s">
        <v>155</v>
      </c>
      <c r="I28" s="149" t="s">
        <v>155</v>
      </c>
      <c r="J28" s="149" t="s">
        <v>155</v>
      </c>
      <c r="K28" s="149" t="s">
        <v>155</v>
      </c>
      <c r="L28" s="149" t="s">
        <v>155</v>
      </c>
      <c r="M28" s="166" t="s">
        <v>155</v>
      </c>
      <c r="N28" s="166" t="s">
        <v>155</v>
      </c>
      <c r="O28" s="166" t="s">
        <v>155</v>
      </c>
      <c r="P28" s="9" t="s">
        <v>178</v>
      </c>
      <c r="Q28" s="10" t="s">
        <v>179</v>
      </c>
      <c r="R28" s="10">
        <v>5</v>
      </c>
    </row>
    <row r="29" spans="1:18">
      <c r="A29">
        <v>10</v>
      </c>
      <c r="B29" s="1" t="s">
        <v>6</v>
      </c>
      <c r="C29" s="130" t="s">
        <v>155</v>
      </c>
      <c r="D29" s="130" t="s">
        <v>155</v>
      </c>
      <c r="E29" s="28" t="s">
        <v>155</v>
      </c>
      <c r="F29" s="28" t="s">
        <v>155</v>
      </c>
      <c r="G29" s="149" t="s">
        <v>155</v>
      </c>
      <c r="H29" s="149" t="s">
        <v>155</v>
      </c>
      <c r="I29" s="149" t="s">
        <v>155</v>
      </c>
      <c r="J29" s="149" t="s">
        <v>155</v>
      </c>
      <c r="K29" s="149" t="s">
        <v>155</v>
      </c>
      <c r="L29" s="149" t="s">
        <v>155</v>
      </c>
      <c r="M29" s="166" t="s">
        <v>155</v>
      </c>
      <c r="N29" s="166" t="s">
        <v>155</v>
      </c>
      <c r="O29" s="166" t="s">
        <v>155</v>
      </c>
      <c r="P29" s="9" t="s">
        <v>180</v>
      </c>
      <c r="Q29" s="10" t="s">
        <v>181</v>
      </c>
      <c r="R29" s="10">
        <v>7</v>
      </c>
    </row>
    <row r="30" spans="1:18">
      <c r="A30" s="281">
        <v>11</v>
      </c>
      <c r="B30" s="1" t="s">
        <v>7</v>
      </c>
      <c r="C30" s="130" t="s">
        <v>155</v>
      </c>
      <c r="D30" s="130" t="s">
        <v>155</v>
      </c>
      <c r="E30" s="28" t="s">
        <v>155</v>
      </c>
      <c r="F30" s="28" t="s">
        <v>155</v>
      </c>
      <c r="G30" s="149" t="s">
        <v>155</v>
      </c>
      <c r="H30" s="149" t="s">
        <v>155</v>
      </c>
      <c r="I30" s="149" t="s">
        <v>155</v>
      </c>
      <c r="J30" s="149" t="s">
        <v>155</v>
      </c>
      <c r="K30" s="149" t="s">
        <v>155</v>
      </c>
      <c r="L30" s="149" t="s">
        <v>155</v>
      </c>
      <c r="M30" s="166" t="s">
        <v>155</v>
      </c>
      <c r="N30" s="166" t="s">
        <v>155</v>
      </c>
      <c r="O30" s="166" t="s">
        <v>155</v>
      </c>
      <c r="P30" s="9" t="s">
        <v>182</v>
      </c>
      <c r="Q30" s="9" t="s">
        <v>183</v>
      </c>
      <c r="R30" s="10">
        <v>2</v>
      </c>
    </row>
    <row r="31" spans="1:18">
      <c r="A31" s="281"/>
      <c r="B31" s="1" t="s">
        <v>8</v>
      </c>
      <c r="C31" s="130" t="s">
        <v>155</v>
      </c>
      <c r="D31" s="130" t="s">
        <v>155</v>
      </c>
      <c r="E31" s="28" t="s">
        <v>155</v>
      </c>
      <c r="F31" s="28" t="s">
        <v>155</v>
      </c>
      <c r="G31" s="149" t="s">
        <v>155</v>
      </c>
      <c r="H31" s="149" t="s">
        <v>155</v>
      </c>
      <c r="I31" s="149" t="s">
        <v>155</v>
      </c>
      <c r="J31" s="149" t="s">
        <v>155</v>
      </c>
      <c r="K31" s="149" t="s">
        <v>155</v>
      </c>
      <c r="L31" s="149" t="s">
        <v>155</v>
      </c>
      <c r="M31" s="166" t="s">
        <v>155</v>
      </c>
      <c r="N31" s="166" t="s">
        <v>155</v>
      </c>
      <c r="O31" s="166" t="s">
        <v>155</v>
      </c>
      <c r="P31" s="9" t="s">
        <v>184</v>
      </c>
      <c r="Q31" s="9" t="s">
        <v>185</v>
      </c>
      <c r="R31" s="10">
        <v>171</v>
      </c>
    </row>
    <row r="32" spans="1:18">
      <c r="A32" s="281"/>
      <c r="B32" s="1" t="s">
        <v>9</v>
      </c>
      <c r="C32" s="130" t="s">
        <v>155</v>
      </c>
      <c r="D32" s="130" t="s">
        <v>155</v>
      </c>
      <c r="E32" s="28" t="s">
        <v>155</v>
      </c>
      <c r="F32" s="28" t="s">
        <v>155</v>
      </c>
      <c r="G32" s="149" t="s">
        <v>155</v>
      </c>
      <c r="H32" s="149" t="s">
        <v>155</v>
      </c>
      <c r="I32" s="149" t="s">
        <v>155</v>
      </c>
      <c r="J32" s="149" t="s">
        <v>155</v>
      </c>
      <c r="K32" s="149" t="s">
        <v>155</v>
      </c>
      <c r="L32" s="149" t="s">
        <v>155</v>
      </c>
      <c r="M32" s="166" t="s">
        <v>155</v>
      </c>
      <c r="N32" s="166" t="s">
        <v>155</v>
      </c>
      <c r="O32" s="166" t="s">
        <v>155</v>
      </c>
      <c r="P32" s="9" t="s">
        <v>186</v>
      </c>
      <c r="Q32" s="9" t="s">
        <v>187</v>
      </c>
      <c r="R32" s="10">
        <v>102</v>
      </c>
    </row>
    <row r="33" spans="1:18">
      <c r="A33" s="281"/>
      <c r="B33" s="1" t="s">
        <v>10</v>
      </c>
      <c r="C33" s="130" t="s">
        <v>155</v>
      </c>
      <c r="D33" s="130" t="s">
        <v>155</v>
      </c>
      <c r="E33" s="28" t="s">
        <v>155</v>
      </c>
      <c r="F33" s="28" t="s">
        <v>155</v>
      </c>
      <c r="G33" s="149" t="s">
        <v>155</v>
      </c>
      <c r="H33" s="149" t="s">
        <v>155</v>
      </c>
      <c r="I33" s="149" t="s">
        <v>155</v>
      </c>
      <c r="J33" s="149" t="s">
        <v>155</v>
      </c>
      <c r="K33" s="149" t="s">
        <v>155</v>
      </c>
      <c r="L33" s="149" t="s">
        <v>155</v>
      </c>
      <c r="M33" s="166" t="s">
        <v>155</v>
      </c>
      <c r="N33" s="166" t="s">
        <v>155</v>
      </c>
      <c r="O33" s="166" t="s">
        <v>155</v>
      </c>
      <c r="P33" s="9" t="s">
        <v>188</v>
      </c>
      <c r="Q33" s="9" t="s">
        <v>189</v>
      </c>
      <c r="R33" s="10">
        <v>11</v>
      </c>
    </row>
    <row r="34" spans="1:18" s="45" customFormat="1">
      <c r="A34" s="302">
        <v>12</v>
      </c>
      <c r="B34" s="3" t="s">
        <v>11</v>
      </c>
      <c r="C34" s="133" t="s">
        <v>172</v>
      </c>
      <c r="D34" s="133" t="s">
        <v>172</v>
      </c>
      <c r="E34" s="28" t="s">
        <v>172</v>
      </c>
      <c r="F34" s="28" t="s">
        <v>172</v>
      </c>
      <c r="G34" s="152" t="s">
        <v>172</v>
      </c>
      <c r="H34" s="152" t="s">
        <v>172</v>
      </c>
      <c r="I34" s="152" t="s">
        <v>172</v>
      </c>
      <c r="J34" s="152" t="s">
        <v>172</v>
      </c>
      <c r="K34" s="152" t="s">
        <v>172</v>
      </c>
      <c r="L34" s="152" t="s">
        <v>172</v>
      </c>
      <c r="M34" s="169" t="s">
        <v>172</v>
      </c>
      <c r="N34" s="169" t="s">
        <v>172</v>
      </c>
      <c r="O34" s="169" t="s">
        <v>172</v>
      </c>
      <c r="P34" s="13" t="s">
        <v>682</v>
      </c>
      <c r="Q34" s="13" t="s">
        <v>158</v>
      </c>
      <c r="R34" s="13">
        <v>1</v>
      </c>
    </row>
    <row r="35" spans="1:18" s="45" customFormat="1">
      <c r="A35" s="302"/>
      <c r="B35" s="3" t="s">
        <v>12</v>
      </c>
      <c r="C35" s="133" t="s">
        <v>172</v>
      </c>
      <c r="D35" s="133" t="s">
        <v>172</v>
      </c>
      <c r="E35" s="28" t="s">
        <v>172</v>
      </c>
      <c r="F35" s="28" t="s">
        <v>172</v>
      </c>
      <c r="G35" s="152" t="s">
        <v>172</v>
      </c>
      <c r="H35" s="152" t="s">
        <v>172</v>
      </c>
      <c r="I35" s="152" t="s">
        <v>172</v>
      </c>
      <c r="J35" s="152" t="s">
        <v>172</v>
      </c>
      <c r="K35" s="152" t="s">
        <v>172</v>
      </c>
      <c r="L35" s="152" t="s">
        <v>172</v>
      </c>
      <c r="M35" s="169" t="s">
        <v>172</v>
      </c>
      <c r="N35" s="169" t="s">
        <v>172</v>
      </c>
      <c r="O35" s="169" t="s">
        <v>172</v>
      </c>
      <c r="P35" s="13" t="s">
        <v>682</v>
      </c>
      <c r="Q35" s="14" t="s">
        <v>190</v>
      </c>
      <c r="R35" s="13">
        <v>1</v>
      </c>
    </row>
    <row r="36" spans="1:18" s="45" customFormat="1">
      <c r="A36" s="302"/>
      <c r="B36" s="3" t="s">
        <v>13</v>
      </c>
      <c r="C36" s="133" t="s">
        <v>172</v>
      </c>
      <c r="D36" s="133" t="s">
        <v>172</v>
      </c>
      <c r="E36" s="28" t="s">
        <v>172</v>
      </c>
      <c r="F36" s="28" t="s">
        <v>172</v>
      </c>
      <c r="G36" s="152" t="s">
        <v>172</v>
      </c>
      <c r="H36" s="152" t="s">
        <v>172</v>
      </c>
      <c r="I36" s="152" t="s">
        <v>172</v>
      </c>
      <c r="J36" s="152" t="s">
        <v>172</v>
      </c>
      <c r="K36" s="152" t="s">
        <v>172</v>
      </c>
      <c r="L36" s="152" t="s">
        <v>172</v>
      </c>
      <c r="M36" s="169" t="s">
        <v>172</v>
      </c>
      <c r="N36" s="169" t="s">
        <v>172</v>
      </c>
      <c r="O36" s="169" t="s">
        <v>172</v>
      </c>
      <c r="P36" s="13" t="s">
        <v>682</v>
      </c>
      <c r="Q36" s="14" t="s">
        <v>191</v>
      </c>
      <c r="R36" s="13">
        <v>2</v>
      </c>
    </row>
    <row r="37" spans="1:18" s="45" customFormat="1" ht="17.25" customHeight="1">
      <c r="A37" s="302"/>
      <c r="B37" s="3" t="s">
        <v>798</v>
      </c>
      <c r="C37" s="133" t="s">
        <v>172</v>
      </c>
      <c r="D37" s="133" t="s">
        <v>172</v>
      </c>
      <c r="E37" s="28" t="s">
        <v>172</v>
      </c>
      <c r="F37" s="28" t="s">
        <v>172</v>
      </c>
      <c r="G37" s="152" t="s">
        <v>172</v>
      </c>
      <c r="H37" s="152" t="s">
        <v>172</v>
      </c>
      <c r="I37" s="152" t="s">
        <v>172</v>
      </c>
      <c r="J37" s="152" t="s">
        <v>172</v>
      </c>
      <c r="K37" s="152" t="s">
        <v>172</v>
      </c>
      <c r="L37" s="152" t="s">
        <v>172</v>
      </c>
      <c r="M37" s="169" t="s">
        <v>172</v>
      </c>
      <c r="N37" s="169" t="s">
        <v>172</v>
      </c>
      <c r="O37" s="169" t="s">
        <v>172</v>
      </c>
      <c r="P37" s="13" t="s">
        <v>784</v>
      </c>
      <c r="Q37" s="14" t="s">
        <v>803</v>
      </c>
      <c r="R37" s="13">
        <v>4</v>
      </c>
    </row>
    <row r="38" spans="1:18" s="45" customFormat="1">
      <c r="A38" s="302">
        <v>13</v>
      </c>
      <c r="B38" s="3" t="s">
        <v>14</v>
      </c>
      <c r="C38" s="133" t="s">
        <v>172</v>
      </c>
      <c r="D38" s="133" t="s">
        <v>172</v>
      </c>
      <c r="E38" s="28" t="s">
        <v>172</v>
      </c>
      <c r="F38" s="28" t="s">
        <v>172</v>
      </c>
      <c r="G38" s="152" t="s">
        <v>172</v>
      </c>
      <c r="H38" s="152" t="s">
        <v>172</v>
      </c>
      <c r="I38" s="152" t="s">
        <v>172</v>
      </c>
      <c r="J38" s="152" t="s">
        <v>172</v>
      </c>
      <c r="K38" s="152" t="s">
        <v>172</v>
      </c>
      <c r="L38" s="152" t="s">
        <v>172</v>
      </c>
      <c r="M38" s="169" t="s">
        <v>172</v>
      </c>
      <c r="N38" s="169" t="s">
        <v>172</v>
      </c>
      <c r="O38" s="169" t="s">
        <v>172</v>
      </c>
      <c r="P38" s="14" t="s">
        <v>683</v>
      </c>
      <c r="Q38" s="14" t="s">
        <v>192</v>
      </c>
      <c r="R38" s="13">
        <v>2</v>
      </c>
    </row>
    <row r="39" spans="1:18" s="45" customFormat="1">
      <c r="A39" s="302"/>
      <c r="B39" s="3" t="s">
        <v>15</v>
      </c>
      <c r="C39" s="133" t="s">
        <v>172</v>
      </c>
      <c r="D39" s="133" t="s">
        <v>172</v>
      </c>
      <c r="E39" s="28" t="s">
        <v>172</v>
      </c>
      <c r="F39" s="28" t="s">
        <v>172</v>
      </c>
      <c r="G39" s="152" t="s">
        <v>172</v>
      </c>
      <c r="H39" s="152" t="s">
        <v>172</v>
      </c>
      <c r="I39" s="152" t="s">
        <v>172</v>
      </c>
      <c r="J39" s="152" t="s">
        <v>172</v>
      </c>
      <c r="K39" s="152" t="s">
        <v>172</v>
      </c>
      <c r="L39" s="152" t="s">
        <v>172</v>
      </c>
      <c r="M39" s="169" t="s">
        <v>172</v>
      </c>
      <c r="N39" s="169" t="s">
        <v>172</v>
      </c>
      <c r="O39" s="169" t="s">
        <v>172</v>
      </c>
      <c r="P39" s="14" t="s">
        <v>684</v>
      </c>
      <c r="Q39" s="14" t="s">
        <v>193</v>
      </c>
      <c r="R39" s="13">
        <v>171</v>
      </c>
    </row>
    <row r="40" spans="1:18" s="45" customFormat="1">
      <c r="A40" s="302"/>
      <c r="B40" s="3" t="s">
        <v>16</v>
      </c>
      <c r="C40" s="133" t="s">
        <v>172</v>
      </c>
      <c r="D40" s="133" t="s">
        <v>172</v>
      </c>
      <c r="E40" s="28" t="s">
        <v>172</v>
      </c>
      <c r="F40" s="28" t="s">
        <v>172</v>
      </c>
      <c r="G40" s="152" t="s">
        <v>172</v>
      </c>
      <c r="H40" s="152" t="s">
        <v>172</v>
      </c>
      <c r="I40" s="152" t="s">
        <v>172</v>
      </c>
      <c r="J40" s="152" t="s">
        <v>172</v>
      </c>
      <c r="K40" s="152" t="s">
        <v>172</v>
      </c>
      <c r="L40" s="152" t="s">
        <v>172</v>
      </c>
      <c r="M40" s="169" t="s">
        <v>172</v>
      </c>
      <c r="N40" s="169" t="s">
        <v>172</v>
      </c>
      <c r="O40" s="169" t="s">
        <v>172</v>
      </c>
      <c r="P40" s="14" t="s">
        <v>685</v>
      </c>
      <c r="Q40" s="14" t="s">
        <v>194</v>
      </c>
      <c r="R40" s="13">
        <v>102</v>
      </c>
    </row>
    <row r="41" spans="1:18" s="45" customFormat="1">
      <c r="A41" s="302"/>
      <c r="B41" s="3" t="s">
        <v>17</v>
      </c>
      <c r="C41" s="133" t="s">
        <v>172</v>
      </c>
      <c r="D41" s="133" t="s">
        <v>172</v>
      </c>
      <c r="E41" s="28" t="s">
        <v>172</v>
      </c>
      <c r="F41" s="28" t="s">
        <v>172</v>
      </c>
      <c r="G41" s="152" t="s">
        <v>172</v>
      </c>
      <c r="H41" s="152" t="s">
        <v>172</v>
      </c>
      <c r="I41" s="152" t="s">
        <v>172</v>
      </c>
      <c r="J41" s="152" t="s">
        <v>172</v>
      </c>
      <c r="K41" s="152" t="s">
        <v>172</v>
      </c>
      <c r="L41" s="152" t="s">
        <v>172</v>
      </c>
      <c r="M41" s="169" t="s">
        <v>172</v>
      </c>
      <c r="N41" s="169" t="s">
        <v>172</v>
      </c>
      <c r="O41" s="169" t="s">
        <v>172</v>
      </c>
      <c r="P41" s="14" t="s">
        <v>686</v>
      </c>
      <c r="Q41" s="14" t="s">
        <v>195</v>
      </c>
      <c r="R41" s="13">
        <v>11</v>
      </c>
    </row>
    <row r="42" spans="1:18" ht="18.75" customHeight="1">
      <c r="A42" s="281">
        <v>14</v>
      </c>
      <c r="B42" s="1" t="s">
        <v>18</v>
      </c>
      <c r="C42" s="250" t="s">
        <v>196</v>
      </c>
      <c r="D42" s="271" t="s">
        <v>155</v>
      </c>
      <c r="E42" s="251" t="s">
        <v>196</v>
      </c>
      <c r="F42" s="251" t="s">
        <v>155</v>
      </c>
      <c r="G42" s="252" t="s">
        <v>196</v>
      </c>
      <c r="H42" s="268" t="s">
        <v>155</v>
      </c>
      <c r="I42" s="252" t="s">
        <v>196</v>
      </c>
      <c r="J42" s="268" t="s">
        <v>155</v>
      </c>
      <c r="K42" s="252" t="s">
        <v>196</v>
      </c>
      <c r="L42" s="268" t="s">
        <v>155</v>
      </c>
      <c r="M42" s="253" t="s">
        <v>196</v>
      </c>
      <c r="N42" s="253" t="s">
        <v>196</v>
      </c>
      <c r="O42" s="269" t="s">
        <v>155</v>
      </c>
      <c r="P42" s="15" t="s">
        <v>197</v>
      </c>
      <c r="Q42" s="15" t="s">
        <v>198</v>
      </c>
      <c r="R42" s="16">
        <v>1</v>
      </c>
    </row>
    <row r="43" spans="1:18">
      <c r="A43" s="281"/>
      <c r="B43" s="1" t="s">
        <v>18</v>
      </c>
      <c r="C43" s="250"/>
      <c r="D43" s="271"/>
      <c r="E43" s="251"/>
      <c r="F43" s="251"/>
      <c r="G43" s="252"/>
      <c r="H43" s="268"/>
      <c r="I43" s="252"/>
      <c r="J43" s="268"/>
      <c r="K43" s="252"/>
      <c r="L43" s="268"/>
      <c r="M43" s="253"/>
      <c r="N43" s="253"/>
      <c r="O43" s="269"/>
      <c r="P43" s="15" t="s">
        <v>197</v>
      </c>
      <c r="Q43" s="15" t="s">
        <v>199</v>
      </c>
      <c r="R43" s="16">
        <v>1</v>
      </c>
    </row>
    <row r="44" spans="1:18">
      <c r="A44" s="281"/>
      <c r="B44" s="1" t="s">
        <v>19</v>
      </c>
      <c r="C44" s="250"/>
      <c r="D44" s="271"/>
      <c r="E44" s="251"/>
      <c r="F44" s="251"/>
      <c r="G44" s="252"/>
      <c r="H44" s="268"/>
      <c r="I44" s="252"/>
      <c r="J44" s="268"/>
      <c r="K44" s="252"/>
      <c r="L44" s="268"/>
      <c r="M44" s="253"/>
      <c r="N44" s="253"/>
      <c r="O44" s="269"/>
      <c r="P44" s="15" t="s">
        <v>200</v>
      </c>
      <c r="Q44" s="15" t="s">
        <v>201</v>
      </c>
      <c r="R44" s="16">
        <v>7</v>
      </c>
    </row>
    <row r="45" spans="1:18">
      <c r="A45" s="281"/>
      <c r="B45" s="1" t="s">
        <v>19</v>
      </c>
      <c r="C45" s="250"/>
      <c r="D45" s="271"/>
      <c r="E45" s="251"/>
      <c r="F45" s="251"/>
      <c r="G45" s="252"/>
      <c r="H45" s="268"/>
      <c r="I45" s="252"/>
      <c r="J45" s="268"/>
      <c r="K45" s="252"/>
      <c r="L45" s="268"/>
      <c r="M45" s="253"/>
      <c r="N45" s="253"/>
      <c r="O45" s="269"/>
      <c r="P45" s="15" t="s">
        <v>200</v>
      </c>
      <c r="Q45" s="15" t="s">
        <v>202</v>
      </c>
      <c r="R45" s="16">
        <v>1</v>
      </c>
    </row>
    <row r="46" spans="1:18">
      <c r="A46" s="281"/>
      <c r="B46" s="1" t="s">
        <v>19</v>
      </c>
      <c r="C46" s="250"/>
      <c r="D46" s="271"/>
      <c r="E46" s="251"/>
      <c r="F46" s="251"/>
      <c r="G46" s="252"/>
      <c r="H46" s="268"/>
      <c r="I46" s="252"/>
      <c r="J46" s="268"/>
      <c r="K46" s="252"/>
      <c r="L46" s="268"/>
      <c r="M46" s="253"/>
      <c r="N46" s="253"/>
      <c r="O46" s="269"/>
      <c r="P46" s="15" t="s">
        <v>200</v>
      </c>
      <c r="Q46" s="15" t="s">
        <v>203</v>
      </c>
      <c r="R46" s="16">
        <v>2</v>
      </c>
    </row>
    <row r="47" spans="1:18">
      <c r="A47" s="281"/>
      <c r="B47" s="1" t="s">
        <v>19</v>
      </c>
      <c r="C47" s="250"/>
      <c r="D47" s="271"/>
      <c r="E47" s="251"/>
      <c r="F47" s="251"/>
      <c r="G47" s="252"/>
      <c r="H47" s="268"/>
      <c r="I47" s="252"/>
      <c r="J47" s="268"/>
      <c r="K47" s="252"/>
      <c r="L47" s="268"/>
      <c r="M47" s="253"/>
      <c r="N47" s="253"/>
      <c r="O47" s="269"/>
      <c r="P47" s="15" t="s">
        <v>200</v>
      </c>
      <c r="Q47" s="15" t="s">
        <v>204</v>
      </c>
      <c r="R47" s="16">
        <v>7</v>
      </c>
    </row>
    <row r="48" spans="1:18">
      <c r="A48" s="281"/>
      <c r="B48" s="1" t="s">
        <v>20</v>
      </c>
      <c r="C48" s="250"/>
      <c r="D48" s="271"/>
      <c r="E48" s="251"/>
      <c r="F48" s="251"/>
      <c r="G48" s="252"/>
      <c r="H48" s="268"/>
      <c r="I48" s="252"/>
      <c r="J48" s="268"/>
      <c r="K48" s="252"/>
      <c r="L48" s="268"/>
      <c r="M48" s="253"/>
      <c r="N48" s="253"/>
      <c r="O48" s="269"/>
      <c r="P48" s="15" t="s">
        <v>205</v>
      </c>
      <c r="Q48" s="15" t="s">
        <v>206</v>
      </c>
      <c r="R48" s="16">
        <v>7</v>
      </c>
    </row>
    <row r="49" spans="1:18">
      <c r="A49" s="281"/>
      <c r="B49" s="1" t="s">
        <v>20</v>
      </c>
      <c r="C49" s="250"/>
      <c r="D49" s="271"/>
      <c r="E49" s="251"/>
      <c r="F49" s="251"/>
      <c r="G49" s="252"/>
      <c r="H49" s="268"/>
      <c r="I49" s="252"/>
      <c r="J49" s="268"/>
      <c r="K49" s="252"/>
      <c r="L49" s="268"/>
      <c r="M49" s="253"/>
      <c r="N49" s="253"/>
      <c r="O49" s="269"/>
      <c r="P49" s="15" t="s">
        <v>205</v>
      </c>
      <c r="Q49" s="15" t="s">
        <v>202</v>
      </c>
      <c r="R49" s="16">
        <v>1</v>
      </c>
    </row>
    <row r="50" spans="1:18">
      <c r="A50" s="281"/>
      <c r="B50" s="1" t="s">
        <v>20</v>
      </c>
      <c r="C50" s="250"/>
      <c r="D50" s="271"/>
      <c r="E50" s="251"/>
      <c r="F50" s="251"/>
      <c r="G50" s="252"/>
      <c r="H50" s="268"/>
      <c r="I50" s="252"/>
      <c r="J50" s="268"/>
      <c r="K50" s="252"/>
      <c r="L50" s="268"/>
      <c r="M50" s="253"/>
      <c r="N50" s="253"/>
      <c r="O50" s="269"/>
      <c r="P50" s="15" t="s">
        <v>205</v>
      </c>
      <c r="Q50" s="15" t="s">
        <v>203</v>
      </c>
      <c r="R50" s="16">
        <v>2</v>
      </c>
    </row>
    <row r="51" spans="1:18">
      <c r="A51" s="281"/>
      <c r="B51" s="86" t="s">
        <v>953</v>
      </c>
      <c r="C51" s="250"/>
      <c r="D51" s="271"/>
      <c r="E51" s="251"/>
      <c r="F51" s="251"/>
      <c r="G51" s="252"/>
      <c r="H51" s="268"/>
      <c r="I51" s="252"/>
      <c r="J51" s="268"/>
      <c r="K51" s="252"/>
      <c r="L51" s="268"/>
      <c r="M51" s="253"/>
      <c r="N51" s="253"/>
      <c r="O51" s="269"/>
      <c r="P51" s="97" t="s">
        <v>954</v>
      </c>
      <c r="Q51" s="97" t="s">
        <v>955</v>
      </c>
      <c r="R51" s="89">
        <v>7</v>
      </c>
    </row>
    <row r="52" spans="1:18">
      <c r="A52" s="281">
        <v>15</v>
      </c>
      <c r="B52" s="1" t="s">
        <v>21</v>
      </c>
      <c r="C52" s="295" t="s">
        <v>207</v>
      </c>
      <c r="D52" s="295" t="s">
        <v>207</v>
      </c>
      <c r="E52" s="284" t="s">
        <v>207</v>
      </c>
      <c r="F52" s="284" t="s">
        <v>207</v>
      </c>
      <c r="G52" s="285" t="s">
        <v>207</v>
      </c>
      <c r="H52" s="285" t="s">
        <v>207</v>
      </c>
      <c r="I52" s="285" t="s">
        <v>207</v>
      </c>
      <c r="J52" s="285" t="s">
        <v>207</v>
      </c>
      <c r="K52" s="285" t="s">
        <v>207</v>
      </c>
      <c r="L52" s="285" t="s">
        <v>207</v>
      </c>
      <c r="M52" s="283" t="s">
        <v>207</v>
      </c>
      <c r="N52" s="283" t="s">
        <v>207</v>
      </c>
      <c r="O52" s="283" t="s">
        <v>207</v>
      </c>
      <c r="P52" s="15" t="s">
        <v>208</v>
      </c>
      <c r="Q52" s="15" t="s">
        <v>209</v>
      </c>
      <c r="R52" s="16">
        <v>1</v>
      </c>
    </row>
    <row r="53" spans="1:18">
      <c r="A53" s="281"/>
      <c r="B53" s="1" t="s">
        <v>21</v>
      </c>
      <c r="C53" s="295"/>
      <c r="D53" s="295"/>
      <c r="E53" s="284"/>
      <c r="F53" s="284"/>
      <c r="G53" s="285"/>
      <c r="H53" s="285"/>
      <c r="I53" s="285"/>
      <c r="J53" s="285"/>
      <c r="K53" s="285"/>
      <c r="L53" s="285"/>
      <c r="M53" s="283"/>
      <c r="N53" s="283"/>
      <c r="O53" s="283"/>
      <c r="P53" s="15" t="s">
        <v>208</v>
      </c>
      <c r="Q53" s="15" t="s">
        <v>199</v>
      </c>
      <c r="R53" s="16">
        <v>1</v>
      </c>
    </row>
    <row r="54" spans="1:18">
      <c r="A54" s="281"/>
      <c r="B54" s="1" t="s">
        <v>22</v>
      </c>
      <c r="C54" s="295"/>
      <c r="D54" s="295"/>
      <c r="E54" s="284"/>
      <c r="F54" s="284"/>
      <c r="G54" s="285"/>
      <c r="H54" s="285"/>
      <c r="I54" s="285"/>
      <c r="J54" s="285"/>
      <c r="K54" s="285"/>
      <c r="L54" s="285"/>
      <c r="M54" s="283"/>
      <c r="N54" s="283"/>
      <c r="O54" s="283"/>
      <c r="P54" s="15" t="s">
        <v>210</v>
      </c>
      <c r="Q54" s="15" t="s">
        <v>201</v>
      </c>
      <c r="R54" s="16">
        <v>7</v>
      </c>
    </row>
    <row r="55" spans="1:18">
      <c r="A55" s="281"/>
      <c r="B55" s="1" t="s">
        <v>22</v>
      </c>
      <c r="C55" s="295"/>
      <c r="D55" s="295"/>
      <c r="E55" s="284"/>
      <c r="F55" s="284"/>
      <c r="G55" s="285"/>
      <c r="H55" s="285"/>
      <c r="I55" s="285"/>
      <c r="J55" s="285"/>
      <c r="K55" s="285"/>
      <c r="L55" s="285"/>
      <c r="M55" s="283"/>
      <c r="N55" s="283"/>
      <c r="O55" s="283"/>
      <c r="P55" s="15" t="s">
        <v>210</v>
      </c>
      <c r="Q55" s="15" t="s">
        <v>202</v>
      </c>
      <c r="R55" s="16">
        <v>1</v>
      </c>
    </row>
    <row r="56" spans="1:18">
      <c r="A56" s="281"/>
      <c r="B56" s="1" t="s">
        <v>22</v>
      </c>
      <c r="C56" s="295"/>
      <c r="D56" s="295"/>
      <c r="E56" s="284"/>
      <c r="F56" s="284"/>
      <c r="G56" s="285"/>
      <c r="H56" s="285"/>
      <c r="I56" s="285"/>
      <c r="J56" s="285"/>
      <c r="K56" s="285"/>
      <c r="L56" s="285"/>
      <c r="M56" s="283"/>
      <c r="N56" s="283"/>
      <c r="O56" s="283"/>
      <c r="P56" s="15" t="s">
        <v>210</v>
      </c>
      <c r="Q56" s="15" t="s">
        <v>203</v>
      </c>
      <c r="R56" s="16">
        <v>2</v>
      </c>
    </row>
    <row r="57" spans="1:18">
      <c r="A57" s="281"/>
      <c r="B57" s="1" t="s">
        <v>22</v>
      </c>
      <c r="C57" s="295"/>
      <c r="D57" s="295"/>
      <c r="E57" s="284"/>
      <c r="F57" s="284"/>
      <c r="G57" s="285"/>
      <c r="H57" s="285"/>
      <c r="I57" s="285"/>
      <c r="J57" s="285"/>
      <c r="K57" s="285"/>
      <c r="L57" s="285"/>
      <c r="M57" s="283"/>
      <c r="N57" s="283"/>
      <c r="O57" s="283"/>
      <c r="P57" s="15" t="s">
        <v>210</v>
      </c>
      <c r="Q57" s="15" t="s">
        <v>204</v>
      </c>
      <c r="R57" s="16">
        <v>7</v>
      </c>
    </row>
    <row r="58" spans="1:18">
      <c r="A58" s="281"/>
      <c r="B58" s="1" t="s">
        <v>23</v>
      </c>
      <c r="C58" s="295"/>
      <c r="D58" s="295"/>
      <c r="E58" s="284"/>
      <c r="F58" s="284"/>
      <c r="G58" s="285"/>
      <c r="H58" s="285"/>
      <c r="I58" s="285"/>
      <c r="J58" s="285"/>
      <c r="K58" s="285"/>
      <c r="L58" s="285"/>
      <c r="M58" s="283"/>
      <c r="N58" s="283"/>
      <c r="O58" s="283"/>
      <c r="P58" s="15" t="s">
        <v>211</v>
      </c>
      <c r="Q58" s="15" t="s">
        <v>206</v>
      </c>
      <c r="R58" s="16">
        <v>7</v>
      </c>
    </row>
    <row r="59" spans="1:18">
      <c r="A59" s="281"/>
      <c r="B59" s="1" t="s">
        <v>23</v>
      </c>
      <c r="C59" s="295"/>
      <c r="D59" s="295"/>
      <c r="E59" s="284"/>
      <c r="F59" s="284"/>
      <c r="G59" s="285"/>
      <c r="H59" s="285"/>
      <c r="I59" s="285"/>
      <c r="J59" s="285"/>
      <c r="K59" s="285"/>
      <c r="L59" s="285"/>
      <c r="M59" s="283"/>
      <c r="N59" s="283"/>
      <c r="O59" s="283"/>
      <c r="P59" s="15" t="s">
        <v>211</v>
      </c>
      <c r="Q59" s="15" t="s">
        <v>202</v>
      </c>
      <c r="R59" s="16">
        <v>1</v>
      </c>
    </row>
    <row r="60" spans="1:18">
      <c r="A60" s="281"/>
      <c r="B60" s="1" t="s">
        <v>23</v>
      </c>
      <c r="C60" s="295"/>
      <c r="D60" s="295"/>
      <c r="E60" s="284"/>
      <c r="F60" s="284"/>
      <c r="G60" s="285"/>
      <c r="H60" s="285"/>
      <c r="I60" s="285"/>
      <c r="J60" s="285"/>
      <c r="K60" s="285"/>
      <c r="L60" s="285"/>
      <c r="M60" s="283"/>
      <c r="N60" s="283"/>
      <c r="O60" s="283"/>
      <c r="P60" s="15" t="s">
        <v>211</v>
      </c>
      <c r="Q60" s="15" t="s">
        <v>203</v>
      </c>
      <c r="R60" s="16">
        <v>2</v>
      </c>
    </row>
    <row r="61" spans="1:18">
      <c r="A61">
        <v>16</v>
      </c>
      <c r="B61" s="1" t="s">
        <v>24</v>
      </c>
      <c r="C61" s="130" t="s">
        <v>172</v>
      </c>
      <c r="D61" s="130" t="s">
        <v>172</v>
      </c>
      <c r="E61" s="28" t="s">
        <v>172</v>
      </c>
      <c r="F61" s="28" t="s">
        <v>172</v>
      </c>
      <c r="G61" s="149" t="s">
        <v>172</v>
      </c>
      <c r="H61" s="149" t="s">
        <v>172</v>
      </c>
      <c r="I61" s="149" t="s">
        <v>172</v>
      </c>
      <c r="J61" s="149" t="s">
        <v>172</v>
      </c>
      <c r="K61" s="149" t="s">
        <v>172</v>
      </c>
      <c r="L61" s="149" t="s">
        <v>172</v>
      </c>
      <c r="M61" s="166" t="s">
        <v>172</v>
      </c>
      <c r="N61" s="166" t="s">
        <v>172</v>
      </c>
      <c r="O61" s="166" t="s">
        <v>172</v>
      </c>
      <c r="P61" s="14" t="s">
        <v>212</v>
      </c>
      <c r="Q61" s="14" t="s">
        <v>213</v>
      </c>
      <c r="R61" s="13">
        <v>6</v>
      </c>
    </row>
    <row r="62" spans="1:18">
      <c r="A62">
        <v>17</v>
      </c>
      <c r="B62" s="1" t="s">
        <v>25</v>
      </c>
      <c r="C62" s="130" t="s">
        <v>172</v>
      </c>
      <c r="D62" s="130" t="s">
        <v>172</v>
      </c>
      <c r="E62" s="28" t="s">
        <v>172</v>
      </c>
      <c r="F62" s="28" t="s">
        <v>172</v>
      </c>
      <c r="G62" s="149" t="s">
        <v>172</v>
      </c>
      <c r="H62" s="149" t="s">
        <v>172</v>
      </c>
      <c r="I62" s="149" t="s">
        <v>172</v>
      </c>
      <c r="J62" s="149" t="s">
        <v>172</v>
      </c>
      <c r="K62" s="149" t="s">
        <v>172</v>
      </c>
      <c r="L62" s="149" t="s">
        <v>172</v>
      </c>
      <c r="M62" s="166" t="s">
        <v>172</v>
      </c>
      <c r="N62" s="166" t="s">
        <v>172</v>
      </c>
      <c r="O62" s="166" t="s">
        <v>172</v>
      </c>
      <c r="P62" s="15" t="s">
        <v>214</v>
      </c>
      <c r="Q62" s="15" t="s">
        <v>215</v>
      </c>
      <c r="R62" s="16">
        <v>6</v>
      </c>
    </row>
    <row r="63" spans="1:18">
      <c r="A63">
        <v>18</v>
      </c>
      <c r="B63" s="3" t="s">
        <v>26</v>
      </c>
      <c r="C63" s="130"/>
      <c r="D63" s="130"/>
      <c r="E63" s="28"/>
      <c r="F63" s="28"/>
      <c r="G63" s="149"/>
      <c r="H63" s="149"/>
      <c r="I63" s="149"/>
      <c r="J63" s="149"/>
      <c r="K63" s="149"/>
      <c r="L63" s="149"/>
      <c r="M63" s="166"/>
      <c r="N63" s="166"/>
      <c r="O63" s="166"/>
      <c r="P63" s="17"/>
      <c r="Q63" s="17"/>
      <c r="R63" s="17"/>
    </row>
    <row r="64" spans="1:18">
      <c r="A64" s="281">
        <v>19</v>
      </c>
      <c r="B64" s="1" t="s">
        <v>27</v>
      </c>
      <c r="C64" s="250" t="s">
        <v>155</v>
      </c>
      <c r="D64" s="250" t="s">
        <v>155</v>
      </c>
      <c r="E64" s="251" t="s">
        <v>155</v>
      </c>
      <c r="F64" s="251" t="s">
        <v>155</v>
      </c>
      <c r="G64" s="252" t="s">
        <v>155</v>
      </c>
      <c r="H64" s="252" t="s">
        <v>155</v>
      </c>
      <c r="I64" s="252" t="s">
        <v>155</v>
      </c>
      <c r="J64" s="252" t="s">
        <v>155</v>
      </c>
      <c r="K64" s="252" t="s">
        <v>155</v>
      </c>
      <c r="L64" s="252" t="s">
        <v>155</v>
      </c>
      <c r="M64" s="253" t="s">
        <v>155</v>
      </c>
      <c r="N64" s="253" t="s">
        <v>155</v>
      </c>
      <c r="O64" s="253" t="s">
        <v>155</v>
      </c>
      <c r="P64" s="9" t="s">
        <v>216</v>
      </c>
      <c r="Q64" s="9" t="s">
        <v>217</v>
      </c>
      <c r="R64" s="10">
        <v>130</v>
      </c>
    </row>
    <row r="65" spans="1:18">
      <c r="A65" s="281"/>
      <c r="B65" s="1" t="s">
        <v>28</v>
      </c>
      <c r="C65" s="250"/>
      <c r="D65" s="250"/>
      <c r="E65" s="251"/>
      <c r="F65" s="251"/>
      <c r="G65" s="252"/>
      <c r="H65" s="252"/>
      <c r="I65" s="252"/>
      <c r="J65" s="252"/>
      <c r="K65" s="252"/>
      <c r="L65" s="252"/>
      <c r="M65" s="253"/>
      <c r="N65" s="253"/>
      <c r="O65" s="253"/>
      <c r="P65" s="9" t="s">
        <v>216</v>
      </c>
      <c r="Q65" s="9" t="s">
        <v>218</v>
      </c>
      <c r="R65" s="10">
        <v>130</v>
      </c>
    </row>
    <row r="66" spans="1:18">
      <c r="A66" s="281"/>
      <c r="B66" s="1" t="s">
        <v>29</v>
      </c>
      <c r="C66" s="250"/>
      <c r="D66" s="250"/>
      <c r="E66" s="251"/>
      <c r="F66" s="251"/>
      <c r="G66" s="252"/>
      <c r="H66" s="252"/>
      <c r="I66" s="252"/>
      <c r="J66" s="252"/>
      <c r="K66" s="252"/>
      <c r="L66" s="252"/>
      <c r="M66" s="253"/>
      <c r="N66" s="253"/>
      <c r="O66" s="253"/>
      <c r="P66" s="9" t="s">
        <v>216</v>
      </c>
      <c r="Q66" s="9" t="s">
        <v>219</v>
      </c>
      <c r="R66" s="10">
        <v>130</v>
      </c>
    </row>
    <row r="67" spans="1:18">
      <c r="A67" s="281">
        <v>20</v>
      </c>
      <c r="B67" s="1" t="s">
        <v>30</v>
      </c>
      <c r="C67" s="130" t="s">
        <v>172</v>
      </c>
      <c r="D67" s="130" t="s">
        <v>172</v>
      </c>
      <c r="E67" s="28" t="s">
        <v>172</v>
      </c>
      <c r="F67" s="28" t="s">
        <v>172</v>
      </c>
      <c r="G67" s="149" t="s">
        <v>172</v>
      </c>
      <c r="H67" s="149" t="s">
        <v>172</v>
      </c>
      <c r="I67" s="149" t="s">
        <v>172</v>
      </c>
      <c r="J67" s="149" t="s">
        <v>172</v>
      </c>
      <c r="K67" s="149" t="s">
        <v>172</v>
      </c>
      <c r="L67" s="149" t="s">
        <v>172</v>
      </c>
      <c r="M67" s="166" t="s">
        <v>172</v>
      </c>
      <c r="N67" s="166" t="s">
        <v>172</v>
      </c>
      <c r="O67" s="166" t="s">
        <v>172</v>
      </c>
      <c r="P67" s="9" t="s">
        <v>220</v>
      </c>
      <c r="Q67" s="10" t="s">
        <v>221</v>
      </c>
      <c r="R67" s="10">
        <v>5</v>
      </c>
    </row>
    <row r="68" spans="1:18">
      <c r="A68" s="281"/>
      <c r="B68" s="1"/>
      <c r="C68" s="130" t="s">
        <v>172</v>
      </c>
      <c r="D68" s="130" t="s">
        <v>172</v>
      </c>
      <c r="E68" s="28" t="s">
        <v>172</v>
      </c>
      <c r="F68" s="28" t="s">
        <v>172</v>
      </c>
      <c r="G68" s="149" t="s">
        <v>172</v>
      </c>
      <c r="H68" s="149" t="s">
        <v>172</v>
      </c>
      <c r="I68" s="149" t="s">
        <v>172</v>
      </c>
      <c r="J68" s="149" t="s">
        <v>172</v>
      </c>
      <c r="K68" s="149" t="s">
        <v>172</v>
      </c>
      <c r="L68" s="149" t="s">
        <v>172</v>
      </c>
      <c r="M68" s="166" t="s">
        <v>172</v>
      </c>
      <c r="N68" s="166" t="s">
        <v>172</v>
      </c>
      <c r="O68" s="166" t="s">
        <v>172</v>
      </c>
      <c r="P68" s="10" t="s">
        <v>220</v>
      </c>
      <c r="Q68" s="10" t="s">
        <v>222</v>
      </c>
      <c r="R68" s="10">
        <v>5</v>
      </c>
    </row>
    <row r="69" spans="1:18">
      <c r="A69">
        <v>21</v>
      </c>
      <c r="B69" s="1" t="s">
        <v>31</v>
      </c>
      <c r="C69" s="130" t="s">
        <v>155</v>
      </c>
      <c r="D69" s="130" t="s">
        <v>155</v>
      </c>
      <c r="E69" s="28" t="s">
        <v>155</v>
      </c>
      <c r="F69" s="28" t="s">
        <v>155</v>
      </c>
      <c r="G69" s="149" t="s">
        <v>155</v>
      </c>
      <c r="H69" s="149" t="s">
        <v>155</v>
      </c>
      <c r="I69" s="149" t="s">
        <v>155</v>
      </c>
      <c r="J69" s="149" t="s">
        <v>155</v>
      </c>
      <c r="K69" s="149" t="s">
        <v>155</v>
      </c>
      <c r="L69" s="149" t="s">
        <v>155</v>
      </c>
      <c r="M69" s="166" t="s">
        <v>155</v>
      </c>
      <c r="N69" s="166" t="s">
        <v>155</v>
      </c>
      <c r="O69" s="166" t="s">
        <v>155</v>
      </c>
      <c r="P69" s="9" t="s">
        <v>223</v>
      </c>
      <c r="Q69" s="9" t="s">
        <v>224</v>
      </c>
      <c r="R69" s="10">
        <v>1</v>
      </c>
    </row>
    <row r="70" spans="1:18">
      <c r="A70" s="248">
        <v>22</v>
      </c>
      <c r="B70" s="1" t="s">
        <v>32</v>
      </c>
      <c r="C70" s="250" t="s">
        <v>172</v>
      </c>
      <c r="D70" s="250" t="s">
        <v>172</v>
      </c>
      <c r="E70" s="251" t="s">
        <v>172</v>
      </c>
      <c r="F70" s="251" t="s">
        <v>172</v>
      </c>
      <c r="G70" s="252" t="s">
        <v>172</v>
      </c>
      <c r="H70" s="252" t="s">
        <v>172</v>
      </c>
      <c r="I70" s="252" t="s">
        <v>172</v>
      </c>
      <c r="J70" s="252" t="s">
        <v>172</v>
      </c>
      <c r="K70" s="252" t="s">
        <v>172</v>
      </c>
      <c r="L70" s="252" t="s">
        <v>172</v>
      </c>
      <c r="M70" s="253" t="s">
        <v>172</v>
      </c>
      <c r="N70" s="253" t="s">
        <v>172</v>
      </c>
      <c r="O70" s="253" t="s">
        <v>172</v>
      </c>
      <c r="P70" s="13" t="s">
        <v>223</v>
      </c>
      <c r="Q70" s="13" t="s">
        <v>265</v>
      </c>
      <c r="R70" s="13">
        <v>1</v>
      </c>
    </row>
    <row r="71" spans="1:18">
      <c r="A71" s="248"/>
      <c r="B71" s="1"/>
      <c r="C71" s="250"/>
      <c r="D71" s="250"/>
      <c r="E71" s="251"/>
      <c r="F71" s="251"/>
      <c r="G71" s="252"/>
      <c r="H71" s="252"/>
      <c r="I71" s="252"/>
      <c r="J71" s="252"/>
      <c r="K71" s="252"/>
      <c r="L71" s="252"/>
      <c r="M71" s="253"/>
      <c r="N71" s="253"/>
      <c r="O71" s="253"/>
      <c r="P71" s="13" t="s">
        <v>266</v>
      </c>
      <c r="Q71" s="14" t="s">
        <v>267</v>
      </c>
      <c r="R71" s="18">
        <v>1</v>
      </c>
    </row>
    <row r="72" spans="1:18">
      <c r="A72">
        <v>23</v>
      </c>
      <c r="B72" s="5" t="s">
        <v>225</v>
      </c>
      <c r="C72" s="130" t="s">
        <v>172</v>
      </c>
      <c r="D72" s="130" t="s">
        <v>172</v>
      </c>
      <c r="E72" s="28" t="s">
        <v>172</v>
      </c>
      <c r="F72" s="28" t="s">
        <v>172</v>
      </c>
      <c r="G72" s="149" t="s">
        <v>159</v>
      </c>
      <c r="H72" s="149" t="s">
        <v>159</v>
      </c>
      <c r="I72" s="149" t="s">
        <v>159</v>
      </c>
      <c r="J72" s="149" t="s">
        <v>159</v>
      </c>
      <c r="K72" s="149" t="s">
        <v>159</v>
      </c>
      <c r="L72" s="149" t="s">
        <v>159</v>
      </c>
      <c r="M72" s="166" t="s">
        <v>159</v>
      </c>
      <c r="N72" s="166" t="s">
        <v>159</v>
      </c>
      <c r="O72" s="166" t="s">
        <v>159</v>
      </c>
      <c r="P72" s="10" t="s">
        <v>223</v>
      </c>
      <c r="Q72" s="10" t="s">
        <v>226</v>
      </c>
      <c r="R72" s="10">
        <v>1</v>
      </c>
    </row>
    <row r="73" spans="1:18">
      <c r="A73" s="248">
        <v>24</v>
      </c>
      <c r="B73" s="282" t="s">
        <v>33</v>
      </c>
      <c r="C73" s="271" t="s">
        <v>172</v>
      </c>
      <c r="D73" s="271" t="s">
        <v>172</v>
      </c>
      <c r="E73" s="270" t="s">
        <v>172</v>
      </c>
      <c r="F73" s="270" t="s">
        <v>172</v>
      </c>
      <c r="G73" s="268" t="s">
        <v>172</v>
      </c>
      <c r="H73" s="268" t="s">
        <v>172</v>
      </c>
      <c r="I73" s="268" t="s">
        <v>172</v>
      </c>
      <c r="J73" s="268" t="s">
        <v>172</v>
      </c>
      <c r="K73" s="268" t="s">
        <v>172</v>
      </c>
      <c r="L73" s="268" t="s">
        <v>172</v>
      </c>
      <c r="M73" s="269" t="s">
        <v>172</v>
      </c>
      <c r="N73" s="269" t="s">
        <v>172</v>
      </c>
      <c r="O73" s="269" t="s">
        <v>172</v>
      </c>
      <c r="P73" s="10" t="s">
        <v>227</v>
      </c>
      <c r="Q73" s="10" t="s">
        <v>228</v>
      </c>
      <c r="R73" s="10">
        <v>17</v>
      </c>
    </row>
    <row r="74" spans="1:18">
      <c r="A74" s="248"/>
      <c r="B74" s="282"/>
      <c r="C74" s="271"/>
      <c r="D74" s="271"/>
      <c r="E74" s="270"/>
      <c r="F74" s="270"/>
      <c r="G74" s="268"/>
      <c r="H74" s="268"/>
      <c r="I74" s="268"/>
      <c r="J74" s="268"/>
      <c r="K74" s="268"/>
      <c r="L74" s="268"/>
      <c r="M74" s="269"/>
      <c r="N74" s="269"/>
      <c r="O74" s="269"/>
      <c r="P74" s="10" t="s">
        <v>229</v>
      </c>
      <c r="Q74" s="9" t="s">
        <v>230</v>
      </c>
      <c r="R74" s="10">
        <v>15</v>
      </c>
    </row>
    <row r="75" spans="1:18">
      <c r="A75" s="248"/>
      <c r="B75" s="282"/>
      <c r="C75" s="271"/>
      <c r="D75" s="271"/>
      <c r="E75" s="270"/>
      <c r="F75" s="270"/>
      <c r="G75" s="268"/>
      <c r="H75" s="268"/>
      <c r="I75" s="268"/>
      <c r="J75" s="268"/>
      <c r="K75" s="268"/>
      <c r="L75" s="268"/>
      <c r="M75" s="269"/>
      <c r="N75" s="269"/>
      <c r="O75" s="269"/>
      <c r="P75" s="10" t="s">
        <v>231</v>
      </c>
      <c r="Q75" s="9" t="s">
        <v>232</v>
      </c>
      <c r="R75" s="10">
        <v>25</v>
      </c>
    </row>
    <row r="76" spans="1:18" ht="29">
      <c r="A76" s="248"/>
      <c r="B76" s="282"/>
      <c r="C76" s="271"/>
      <c r="D76" s="271"/>
      <c r="E76" s="270"/>
      <c r="F76" s="270"/>
      <c r="G76" s="268"/>
      <c r="H76" s="268"/>
      <c r="I76" s="268"/>
      <c r="J76" s="268"/>
      <c r="K76" s="268"/>
      <c r="L76" s="268"/>
      <c r="M76" s="269"/>
      <c r="N76" s="269"/>
      <c r="O76" s="269"/>
      <c r="P76" s="10" t="s">
        <v>233</v>
      </c>
      <c r="Q76" s="9" t="s">
        <v>234</v>
      </c>
      <c r="R76" s="10">
        <v>35</v>
      </c>
    </row>
    <row r="77" spans="1:18">
      <c r="A77">
        <v>25</v>
      </c>
      <c r="B77" s="1" t="s">
        <v>34</v>
      </c>
      <c r="C77" s="130" t="s">
        <v>159</v>
      </c>
      <c r="D77" s="130" t="s">
        <v>155</v>
      </c>
      <c r="E77" s="28" t="s">
        <v>159</v>
      </c>
      <c r="F77" s="28" t="s">
        <v>155</v>
      </c>
      <c r="G77" s="149" t="s">
        <v>155</v>
      </c>
      <c r="H77" s="149" t="s">
        <v>155</v>
      </c>
      <c r="I77" s="149" t="s">
        <v>155</v>
      </c>
      <c r="J77" s="149" t="s">
        <v>155</v>
      </c>
      <c r="K77" s="149" t="s">
        <v>155</v>
      </c>
      <c r="L77" s="149" t="s">
        <v>155</v>
      </c>
      <c r="M77" s="166" t="s">
        <v>155</v>
      </c>
      <c r="N77" s="166" t="s">
        <v>155</v>
      </c>
      <c r="O77" s="166" t="s">
        <v>155</v>
      </c>
      <c r="P77" s="13" t="s">
        <v>235</v>
      </c>
      <c r="Q77" s="14" t="s">
        <v>236</v>
      </c>
      <c r="R77" s="13">
        <v>73</v>
      </c>
    </row>
    <row r="78" spans="1:18">
      <c r="A78">
        <v>26</v>
      </c>
      <c r="B78" s="1" t="s">
        <v>35</v>
      </c>
      <c r="C78" s="130" t="s">
        <v>159</v>
      </c>
      <c r="D78" s="130" t="s">
        <v>155</v>
      </c>
      <c r="E78" s="28" t="s">
        <v>159</v>
      </c>
      <c r="F78" s="28" t="s">
        <v>155</v>
      </c>
      <c r="G78" s="149" t="s">
        <v>155</v>
      </c>
      <c r="H78" s="149" t="s">
        <v>155</v>
      </c>
      <c r="I78" s="149" t="s">
        <v>155</v>
      </c>
      <c r="J78" s="149" t="s">
        <v>155</v>
      </c>
      <c r="K78" s="149" t="s">
        <v>155</v>
      </c>
      <c r="L78" s="149" t="s">
        <v>155</v>
      </c>
      <c r="M78" s="166" t="s">
        <v>155</v>
      </c>
      <c r="N78" s="166" t="s">
        <v>155</v>
      </c>
      <c r="O78" s="166" t="s">
        <v>155</v>
      </c>
      <c r="P78" s="10" t="s">
        <v>237</v>
      </c>
      <c r="Q78" s="9" t="s">
        <v>238</v>
      </c>
      <c r="R78" s="10">
        <v>81</v>
      </c>
    </row>
    <row r="79" spans="1:18" ht="43.5">
      <c r="A79" s="8">
        <v>27</v>
      </c>
      <c r="B79" s="3" t="s">
        <v>36</v>
      </c>
      <c r="C79" s="134" t="s">
        <v>239</v>
      </c>
      <c r="D79" s="134" t="s">
        <v>239</v>
      </c>
      <c r="E79" s="30" t="s">
        <v>239</v>
      </c>
      <c r="F79" s="30" t="s">
        <v>239</v>
      </c>
      <c r="G79" s="153" t="s">
        <v>239</v>
      </c>
      <c r="H79" s="153" t="s">
        <v>239</v>
      </c>
      <c r="I79" s="153" t="s">
        <v>239</v>
      </c>
      <c r="J79" s="153" t="s">
        <v>239</v>
      </c>
      <c r="K79" s="153" t="s">
        <v>239</v>
      </c>
      <c r="L79" s="153" t="s">
        <v>239</v>
      </c>
      <c r="M79" s="170" t="s">
        <v>239</v>
      </c>
      <c r="N79" s="170" t="s">
        <v>239</v>
      </c>
      <c r="O79" s="170" t="s">
        <v>239</v>
      </c>
      <c r="P79" s="13" t="s">
        <v>240</v>
      </c>
      <c r="Q79" s="9" t="s">
        <v>158</v>
      </c>
      <c r="R79" s="10">
        <v>238</v>
      </c>
    </row>
    <row r="80" spans="1:18">
      <c r="A80">
        <v>28</v>
      </c>
      <c r="B80" s="3" t="s">
        <v>37</v>
      </c>
      <c r="C80" s="130" t="s">
        <v>155</v>
      </c>
      <c r="D80" s="130" t="s">
        <v>155</v>
      </c>
      <c r="E80" s="28" t="s">
        <v>155</v>
      </c>
      <c r="F80" s="28" t="s">
        <v>155</v>
      </c>
      <c r="G80" s="149" t="s">
        <v>155</v>
      </c>
      <c r="H80" s="149" t="s">
        <v>155</v>
      </c>
      <c r="I80" s="149" t="s">
        <v>155</v>
      </c>
      <c r="J80" s="149" t="s">
        <v>155</v>
      </c>
      <c r="K80" s="149" t="s">
        <v>155</v>
      </c>
      <c r="L80" s="149" t="s">
        <v>155</v>
      </c>
      <c r="M80" s="166" t="s">
        <v>155</v>
      </c>
      <c r="N80" s="166" t="s">
        <v>155</v>
      </c>
      <c r="O80" s="166" t="s">
        <v>155</v>
      </c>
      <c r="P80" s="10" t="s">
        <v>241</v>
      </c>
      <c r="Q80" s="10" t="s">
        <v>242</v>
      </c>
      <c r="R80" s="10">
        <v>30</v>
      </c>
    </row>
    <row r="81" spans="1:18">
      <c r="A81">
        <v>29</v>
      </c>
      <c r="B81" s="3" t="s">
        <v>38</v>
      </c>
      <c r="C81" s="130" t="s">
        <v>172</v>
      </c>
      <c r="D81" s="130" t="s">
        <v>172</v>
      </c>
      <c r="E81" s="28" t="s">
        <v>172</v>
      </c>
      <c r="F81" s="28" t="s">
        <v>172</v>
      </c>
      <c r="G81" s="149" t="s">
        <v>172</v>
      </c>
      <c r="H81" s="149" t="s">
        <v>172</v>
      </c>
      <c r="I81" s="149" t="s">
        <v>172</v>
      </c>
      <c r="J81" s="149" t="s">
        <v>172</v>
      </c>
      <c r="K81" s="149" t="s">
        <v>172</v>
      </c>
      <c r="L81" s="149" t="s">
        <v>172</v>
      </c>
      <c r="M81" s="166" t="s">
        <v>172</v>
      </c>
      <c r="N81" s="166" t="s">
        <v>172</v>
      </c>
      <c r="O81" s="166" t="s">
        <v>172</v>
      </c>
      <c r="P81" s="117" t="s">
        <v>243</v>
      </c>
      <c r="Q81" s="10" t="s">
        <v>244</v>
      </c>
      <c r="R81" s="10">
        <v>248</v>
      </c>
    </row>
    <row r="82" spans="1:18" s="45" customFormat="1">
      <c r="A82" s="42" t="s">
        <v>724</v>
      </c>
      <c r="B82" s="3" t="s">
        <v>725</v>
      </c>
      <c r="C82" s="133" t="s">
        <v>172</v>
      </c>
      <c r="D82" s="133" t="s">
        <v>172</v>
      </c>
      <c r="E82" s="28" t="s">
        <v>172</v>
      </c>
      <c r="F82" s="28" t="s">
        <v>172</v>
      </c>
      <c r="G82" s="152" t="s">
        <v>172</v>
      </c>
      <c r="H82" s="152" t="s">
        <v>172</v>
      </c>
      <c r="I82" s="152" t="s">
        <v>172</v>
      </c>
      <c r="J82" s="152" t="s">
        <v>172</v>
      </c>
      <c r="K82" s="152" t="s">
        <v>172</v>
      </c>
      <c r="L82" s="152" t="s">
        <v>172</v>
      </c>
      <c r="M82" s="169" t="s">
        <v>172</v>
      </c>
      <c r="N82" s="169" t="s">
        <v>172</v>
      </c>
      <c r="O82" s="169" t="s">
        <v>172</v>
      </c>
      <c r="P82" s="22" t="s">
        <v>726</v>
      </c>
      <c r="Q82" s="13" t="s">
        <v>727</v>
      </c>
      <c r="R82" s="13">
        <v>245</v>
      </c>
    </row>
    <row r="83" spans="1:18" ht="58">
      <c r="A83">
        <v>30</v>
      </c>
      <c r="B83" s="3" t="s">
        <v>39</v>
      </c>
      <c r="C83" s="134" t="s">
        <v>245</v>
      </c>
      <c r="D83" s="134" t="s">
        <v>245</v>
      </c>
      <c r="E83" s="91" t="s">
        <v>155</v>
      </c>
      <c r="F83" s="91" t="s">
        <v>155</v>
      </c>
      <c r="G83" s="154" t="s">
        <v>155</v>
      </c>
      <c r="H83" s="154" t="s">
        <v>155</v>
      </c>
      <c r="I83" s="154" t="s">
        <v>155</v>
      </c>
      <c r="J83" s="154" t="s">
        <v>155</v>
      </c>
      <c r="K83" s="154" t="s">
        <v>155</v>
      </c>
      <c r="L83" s="154" t="s">
        <v>155</v>
      </c>
      <c r="M83" s="171" t="s">
        <v>155</v>
      </c>
      <c r="N83" s="171" t="s">
        <v>155</v>
      </c>
      <c r="O83" s="171" t="s">
        <v>155</v>
      </c>
      <c r="P83" s="10" t="s">
        <v>260</v>
      </c>
      <c r="Q83" s="16" t="s">
        <v>242</v>
      </c>
      <c r="R83" s="10">
        <v>2</v>
      </c>
    </row>
    <row r="84" spans="1:18">
      <c r="A84">
        <v>31</v>
      </c>
      <c r="B84" s="3" t="s">
        <v>246</v>
      </c>
      <c r="C84" s="134" t="s">
        <v>159</v>
      </c>
      <c r="D84" s="134" t="s">
        <v>159</v>
      </c>
      <c r="E84" s="30" t="s">
        <v>159</v>
      </c>
      <c r="F84" s="30" t="s">
        <v>159</v>
      </c>
      <c r="G84" s="154" t="s">
        <v>155</v>
      </c>
      <c r="H84" s="154" t="s">
        <v>155</v>
      </c>
      <c r="I84" s="154" t="s">
        <v>155</v>
      </c>
      <c r="J84" s="154" t="s">
        <v>155</v>
      </c>
      <c r="K84" s="154" t="s">
        <v>155</v>
      </c>
      <c r="L84" s="154" t="s">
        <v>155</v>
      </c>
      <c r="M84" s="171" t="s">
        <v>155</v>
      </c>
      <c r="N84" s="171" t="s">
        <v>172</v>
      </c>
      <c r="O84" s="171" t="s">
        <v>172</v>
      </c>
      <c r="P84" s="19" t="s">
        <v>272</v>
      </c>
      <c r="Q84" s="10" t="s">
        <v>242</v>
      </c>
      <c r="R84" s="10">
        <v>250</v>
      </c>
    </row>
    <row r="85" spans="1:18">
      <c r="A85">
        <v>32</v>
      </c>
      <c r="B85" s="86" t="s">
        <v>1026</v>
      </c>
      <c r="C85" s="130" t="s">
        <v>159</v>
      </c>
      <c r="D85" s="130" t="s">
        <v>159</v>
      </c>
      <c r="E85" s="28" t="s">
        <v>155</v>
      </c>
      <c r="F85" s="28" t="s">
        <v>155</v>
      </c>
      <c r="G85" s="149" t="s">
        <v>155</v>
      </c>
      <c r="H85" s="149" t="s">
        <v>155</v>
      </c>
      <c r="I85" s="149" t="s">
        <v>155</v>
      </c>
      <c r="J85" s="149" t="s">
        <v>155</v>
      </c>
      <c r="K85" s="149" t="s">
        <v>155</v>
      </c>
      <c r="L85" s="149" t="s">
        <v>155</v>
      </c>
      <c r="M85" s="166" t="s">
        <v>155</v>
      </c>
      <c r="N85" s="166" t="s">
        <v>155</v>
      </c>
      <c r="O85" s="166" t="s">
        <v>155</v>
      </c>
      <c r="P85" s="96" t="s">
        <v>273</v>
      </c>
      <c r="Q85" s="10" t="s">
        <v>242</v>
      </c>
      <c r="R85" s="10">
        <v>1</v>
      </c>
    </row>
    <row r="86" spans="1:18">
      <c r="A86">
        <v>33</v>
      </c>
      <c r="B86" s="5" t="s">
        <v>269</v>
      </c>
      <c r="C86" s="130" t="s">
        <v>159</v>
      </c>
      <c r="D86" s="130" t="s">
        <v>159</v>
      </c>
      <c r="E86" s="28" t="s">
        <v>159</v>
      </c>
      <c r="F86" s="28" t="s">
        <v>159</v>
      </c>
      <c r="G86" s="149" t="s">
        <v>155</v>
      </c>
      <c r="H86" s="149" t="s">
        <v>155</v>
      </c>
      <c r="I86" s="149" t="s">
        <v>155</v>
      </c>
      <c r="J86" s="149" t="s">
        <v>155</v>
      </c>
      <c r="K86" s="149" t="s">
        <v>155</v>
      </c>
      <c r="L86" s="149" t="s">
        <v>155</v>
      </c>
      <c r="M86" s="166" t="s">
        <v>159</v>
      </c>
      <c r="N86" s="166" t="s">
        <v>159</v>
      </c>
      <c r="O86" s="166" t="s">
        <v>159</v>
      </c>
      <c r="P86" s="10" t="s">
        <v>270</v>
      </c>
      <c r="Q86" s="10" t="s">
        <v>242</v>
      </c>
      <c r="R86" s="10">
        <v>175</v>
      </c>
    </row>
    <row r="87" spans="1:18" s="45" customFormat="1" ht="29">
      <c r="A87" s="296">
        <v>34</v>
      </c>
      <c r="B87" s="3" t="s">
        <v>268</v>
      </c>
      <c r="C87" s="135" t="s">
        <v>172</v>
      </c>
      <c r="D87" s="135" t="s">
        <v>172</v>
      </c>
      <c r="E87" s="92" t="s">
        <v>172</v>
      </c>
      <c r="F87" s="92" t="s">
        <v>172</v>
      </c>
      <c r="G87" s="152" t="s">
        <v>172</v>
      </c>
      <c r="H87" s="152" t="s">
        <v>172</v>
      </c>
      <c r="I87" s="152" t="s">
        <v>172</v>
      </c>
      <c r="J87" s="152" t="s">
        <v>172</v>
      </c>
      <c r="K87" s="152" t="s">
        <v>172</v>
      </c>
      <c r="L87" s="152" t="s">
        <v>172</v>
      </c>
      <c r="M87" s="169" t="s">
        <v>172</v>
      </c>
      <c r="N87" s="169" t="s">
        <v>172</v>
      </c>
      <c r="O87" s="169" t="s">
        <v>172</v>
      </c>
      <c r="P87" s="22" t="s">
        <v>492</v>
      </c>
      <c r="Q87" s="14" t="s">
        <v>271</v>
      </c>
      <c r="R87" s="13">
        <v>161</v>
      </c>
    </row>
    <row r="88" spans="1:18" s="45" customFormat="1" ht="29">
      <c r="A88" s="296"/>
      <c r="B88" s="3" t="s">
        <v>268</v>
      </c>
      <c r="C88" s="135" t="s">
        <v>172</v>
      </c>
      <c r="D88" s="135" t="s">
        <v>172</v>
      </c>
      <c r="E88" s="92" t="s">
        <v>172</v>
      </c>
      <c r="F88" s="92" t="s">
        <v>172</v>
      </c>
      <c r="G88" s="152" t="s">
        <v>172</v>
      </c>
      <c r="H88" s="152" t="s">
        <v>172</v>
      </c>
      <c r="I88" s="152" t="s">
        <v>172</v>
      </c>
      <c r="J88" s="152" t="s">
        <v>172</v>
      </c>
      <c r="K88" s="152" t="s">
        <v>172</v>
      </c>
      <c r="L88" s="152" t="s">
        <v>172</v>
      </c>
      <c r="M88" s="169" t="s">
        <v>172</v>
      </c>
      <c r="N88" s="169" t="s">
        <v>172</v>
      </c>
      <c r="O88" s="169" t="s">
        <v>172</v>
      </c>
      <c r="P88" s="22" t="s">
        <v>770</v>
      </c>
      <c r="Q88" s="14" t="s">
        <v>771</v>
      </c>
      <c r="R88" s="13">
        <v>161</v>
      </c>
    </row>
    <row r="89" spans="1:18">
      <c r="A89" s="42" t="s">
        <v>676</v>
      </c>
      <c r="B89" s="3" t="s">
        <v>667</v>
      </c>
      <c r="C89" s="135" t="s">
        <v>172</v>
      </c>
      <c r="D89" s="135" t="s">
        <v>172</v>
      </c>
      <c r="E89" s="92" t="s">
        <v>172</v>
      </c>
      <c r="F89" s="92" t="s">
        <v>172</v>
      </c>
      <c r="G89" s="155" t="s">
        <v>172</v>
      </c>
      <c r="H89" s="155" t="s">
        <v>172</v>
      </c>
      <c r="I89" s="155" t="s">
        <v>172</v>
      </c>
      <c r="J89" s="155" t="s">
        <v>172</v>
      </c>
      <c r="K89" s="155" t="s">
        <v>172</v>
      </c>
      <c r="L89" s="155" t="s">
        <v>172</v>
      </c>
      <c r="M89" s="172" t="s">
        <v>172</v>
      </c>
      <c r="N89" s="172" t="s">
        <v>172</v>
      </c>
      <c r="O89" s="172" t="s">
        <v>172</v>
      </c>
      <c r="P89" s="44" t="s">
        <v>672</v>
      </c>
      <c r="Q89" s="44" t="s">
        <v>668</v>
      </c>
      <c r="R89" s="13">
        <v>5</v>
      </c>
    </row>
    <row r="90" spans="1:18">
      <c r="A90" s="45"/>
      <c r="B90" s="3" t="s">
        <v>667</v>
      </c>
      <c r="C90" s="135" t="s">
        <v>172</v>
      </c>
      <c r="D90" s="135" t="s">
        <v>172</v>
      </c>
      <c r="E90" s="92" t="s">
        <v>172</v>
      </c>
      <c r="F90" s="92" t="s">
        <v>172</v>
      </c>
      <c r="G90" s="155" t="s">
        <v>172</v>
      </c>
      <c r="H90" s="155" t="s">
        <v>172</v>
      </c>
      <c r="I90" s="155" t="s">
        <v>172</v>
      </c>
      <c r="J90" s="155" t="s">
        <v>172</v>
      </c>
      <c r="K90" s="155" t="s">
        <v>172</v>
      </c>
      <c r="L90" s="155" t="s">
        <v>172</v>
      </c>
      <c r="M90" s="172" t="s">
        <v>172</v>
      </c>
      <c r="N90" s="172" t="s">
        <v>172</v>
      </c>
      <c r="O90" s="172" t="s">
        <v>172</v>
      </c>
      <c r="P90" s="44" t="s">
        <v>673</v>
      </c>
      <c r="Q90" s="44" t="s">
        <v>669</v>
      </c>
      <c r="R90" s="13">
        <v>6</v>
      </c>
    </row>
    <row r="91" spans="1:18">
      <c r="A91" s="45"/>
      <c r="B91" s="3" t="s">
        <v>667</v>
      </c>
      <c r="C91" s="135" t="s">
        <v>172</v>
      </c>
      <c r="D91" s="135" t="s">
        <v>172</v>
      </c>
      <c r="E91" s="92" t="s">
        <v>172</v>
      </c>
      <c r="F91" s="92" t="s">
        <v>172</v>
      </c>
      <c r="G91" s="155" t="s">
        <v>172</v>
      </c>
      <c r="H91" s="155" t="s">
        <v>172</v>
      </c>
      <c r="I91" s="155" t="s">
        <v>172</v>
      </c>
      <c r="J91" s="155" t="s">
        <v>172</v>
      </c>
      <c r="K91" s="155" t="s">
        <v>172</v>
      </c>
      <c r="L91" s="155" t="s">
        <v>172</v>
      </c>
      <c r="M91" s="172" t="s">
        <v>172</v>
      </c>
      <c r="N91" s="172" t="s">
        <v>172</v>
      </c>
      <c r="O91" s="172" t="s">
        <v>172</v>
      </c>
      <c r="P91" s="44" t="s">
        <v>674</v>
      </c>
      <c r="Q91" s="44" t="s">
        <v>670</v>
      </c>
      <c r="R91" s="13">
        <v>7</v>
      </c>
    </row>
    <row r="92" spans="1:18">
      <c r="A92" s="45"/>
      <c r="B92" s="3" t="s">
        <v>667</v>
      </c>
      <c r="C92" s="135" t="s">
        <v>172</v>
      </c>
      <c r="D92" s="135" t="s">
        <v>172</v>
      </c>
      <c r="E92" s="92" t="s">
        <v>172</v>
      </c>
      <c r="F92" s="92" t="s">
        <v>172</v>
      </c>
      <c r="G92" s="155" t="s">
        <v>172</v>
      </c>
      <c r="H92" s="155" t="s">
        <v>172</v>
      </c>
      <c r="I92" s="155" t="s">
        <v>172</v>
      </c>
      <c r="J92" s="155" t="s">
        <v>172</v>
      </c>
      <c r="K92" s="155" t="s">
        <v>172</v>
      </c>
      <c r="L92" s="155" t="s">
        <v>172</v>
      </c>
      <c r="M92" s="172" t="s">
        <v>172</v>
      </c>
      <c r="N92" s="172" t="s">
        <v>172</v>
      </c>
      <c r="O92" s="172" t="s">
        <v>172</v>
      </c>
      <c r="P92" s="44" t="s">
        <v>675</v>
      </c>
      <c r="Q92" s="44" t="s">
        <v>671</v>
      </c>
      <c r="R92" s="13">
        <v>8</v>
      </c>
    </row>
    <row r="93" spans="1:18">
      <c r="A93" s="45"/>
      <c r="B93" s="3" t="s">
        <v>677</v>
      </c>
      <c r="C93" s="135" t="s">
        <v>172</v>
      </c>
      <c r="D93" s="135" t="s">
        <v>172</v>
      </c>
      <c r="E93" s="92" t="s">
        <v>172</v>
      </c>
      <c r="F93" s="92" t="s">
        <v>172</v>
      </c>
      <c r="G93" s="155" t="s">
        <v>172</v>
      </c>
      <c r="H93" s="155" t="s">
        <v>172</v>
      </c>
      <c r="I93" s="155" t="s">
        <v>172</v>
      </c>
      <c r="J93" s="155" t="s">
        <v>172</v>
      </c>
      <c r="K93" s="155" t="s">
        <v>172</v>
      </c>
      <c r="L93" s="155" t="s">
        <v>172</v>
      </c>
      <c r="M93" s="172" t="s">
        <v>172</v>
      </c>
      <c r="N93" s="172" t="s">
        <v>172</v>
      </c>
      <c r="O93" s="172" t="s">
        <v>172</v>
      </c>
      <c r="P93" s="44" t="s">
        <v>688</v>
      </c>
      <c r="Q93" s="44" t="s">
        <v>967</v>
      </c>
      <c r="R93" s="13">
        <v>6</v>
      </c>
    </row>
    <row r="94" spans="1:18">
      <c r="A94" s="281">
        <v>35</v>
      </c>
      <c r="B94" s="3" t="s">
        <v>247</v>
      </c>
      <c r="C94" s="271" t="s">
        <v>155</v>
      </c>
      <c r="D94" s="271" t="s">
        <v>155</v>
      </c>
      <c r="E94" s="270" t="s">
        <v>155</v>
      </c>
      <c r="F94" s="270" t="s">
        <v>155</v>
      </c>
      <c r="G94" s="268" t="s">
        <v>155</v>
      </c>
      <c r="H94" s="268" t="s">
        <v>155</v>
      </c>
      <c r="I94" s="268" t="s">
        <v>155</v>
      </c>
      <c r="J94" s="268" t="s">
        <v>155</v>
      </c>
      <c r="K94" s="268" t="s">
        <v>155</v>
      </c>
      <c r="L94" s="268" t="s">
        <v>155</v>
      </c>
      <c r="M94" s="269" t="s">
        <v>155</v>
      </c>
      <c r="N94" s="269" t="s">
        <v>155</v>
      </c>
      <c r="O94" s="269" t="s">
        <v>155</v>
      </c>
      <c r="P94" s="14" t="s">
        <v>248</v>
      </c>
      <c r="Q94" s="14" t="s">
        <v>249</v>
      </c>
      <c r="R94" s="14" t="s">
        <v>250</v>
      </c>
    </row>
    <row r="95" spans="1:18">
      <c r="A95" s="281"/>
      <c r="B95" s="3"/>
      <c r="C95" s="271"/>
      <c r="D95" s="271"/>
      <c r="E95" s="270"/>
      <c r="F95" s="270"/>
      <c r="G95" s="268"/>
      <c r="H95" s="268"/>
      <c r="I95" s="268"/>
      <c r="J95" s="268"/>
      <c r="K95" s="268"/>
      <c r="L95" s="268"/>
      <c r="M95" s="269"/>
      <c r="N95" s="269"/>
      <c r="O95" s="269"/>
      <c r="P95" s="14" t="s">
        <v>248</v>
      </c>
      <c r="Q95" s="14" t="s">
        <v>251</v>
      </c>
      <c r="R95" s="14" t="s">
        <v>250</v>
      </c>
    </row>
    <row r="96" spans="1:18" ht="29">
      <c r="A96" s="281"/>
      <c r="B96" s="3"/>
      <c r="C96" s="271"/>
      <c r="D96" s="271"/>
      <c r="E96" s="270"/>
      <c r="F96" s="270"/>
      <c r="G96" s="268"/>
      <c r="H96" s="268"/>
      <c r="I96" s="268"/>
      <c r="J96" s="268"/>
      <c r="K96" s="268"/>
      <c r="L96" s="268"/>
      <c r="M96" s="269"/>
      <c r="N96" s="269"/>
      <c r="O96" s="269"/>
      <c r="P96" s="81" t="s">
        <v>248</v>
      </c>
      <c r="Q96" s="81" t="s">
        <v>890</v>
      </c>
      <c r="R96" s="81" t="s">
        <v>250</v>
      </c>
    </row>
    <row r="97" spans="1:18">
      <c r="A97" s="281"/>
      <c r="B97" s="3"/>
      <c r="C97" s="271"/>
      <c r="D97" s="271"/>
      <c r="E97" s="270"/>
      <c r="F97" s="270"/>
      <c r="G97" s="268"/>
      <c r="H97" s="268"/>
      <c r="I97" s="268"/>
      <c r="J97" s="268"/>
      <c r="K97" s="268"/>
      <c r="L97" s="268"/>
      <c r="M97" s="269"/>
      <c r="N97" s="269"/>
      <c r="O97" s="269"/>
      <c r="P97" s="14" t="s">
        <v>252</v>
      </c>
      <c r="Q97" s="14" t="s">
        <v>249</v>
      </c>
      <c r="R97" s="14" t="s">
        <v>250</v>
      </c>
    </row>
    <row r="98" spans="1:18">
      <c r="A98" s="281"/>
      <c r="B98" s="3"/>
      <c r="C98" s="271"/>
      <c r="D98" s="271"/>
      <c r="E98" s="270"/>
      <c r="F98" s="270"/>
      <c r="G98" s="268"/>
      <c r="H98" s="268"/>
      <c r="I98" s="268"/>
      <c r="J98" s="268"/>
      <c r="K98" s="268"/>
      <c r="L98" s="268"/>
      <c r="M98" s="269"/>
      <c r="N98" s="269"/>
      <c r="O98" s="269"/>
      <c r="P98" s="14" t="s">
        <v>252</v>
      </c>
      <c r="Q98" s="14" t="s">
        <v>251</v>
      </c>
      <c r="R98" s="14" t="s">
        <v>250</v>
      </c>
    </row>
    <row r="99" spans="1:18">
      <c r="A99" s="248">
        <v>36</v>
      </c>
      <c r="B99" s="303" t="s">
        <v>40</v>
      </c>
      <c r="C99" s="271" t="s">
        <v>155</v>
      </c>
      <c r="D99" s="271" t="s">
        <v>155</v>
      </c>
      <c r="E99" s="270" t="s">
        <v>172</v>
      </c>
      <c r="F99" s="270" t="s">
        <v>172</v>
      </c>
      <c r="G99" s="268" t="s">
        <v>172</v>
      </c>
      <c r="H99" s="268" t="s">
        <v>172</v>
      </c>
      <c r="I99" s="268" t="s">
        <v>172</v>
      </c>
      <c r="J99" s="268" t="s">
        <v>172</v>
      </c>
      <c r="K99" s="268" t="s">
        <v>172</v>
      </c>
      <c r="L99" s="268" t="s">
        <v>172</v>
      </c>
      <c r="M99" s="269" t="s">
        <v>172</v>
      </c>
      <c r="N99" s="269" t="s">
        <v>172</v>
      </c>
      <c r="O99" s="269" t="s">
        <v>172</v>
      </c>
      <c r="P99" s="10" t="s">
        <v>253</v>
      </c>
      <c r="Q99" s="9" t="s">
        <v>249</v>
      </c>
      <c r="R99" s="10" t="s">
        <v>250</v>
      </c>
    </row>
    <row r="100" spans="1:18">
      <c r="A100" s="248"/>
      <c r="B100" s="303"/>
      <c r="C100" s="271"/>
      <c r="D100" s="271"/>
      <c r="E100" s="270"/>
      <c r="F100" s="270"/>
      <c r="G100" s="268"/>
      <c r="H100" s="268"/>
      <c r="I100" s="268"/>
      <c r="J100" s="268"/>
      <c r="K100" s="268"/>
      <c r="L100" s="268"/>
      <c r="M100" s="269"/>
      <c r="N100" s="269"/>
      <c r="O100" s="269"/>
      <c r="P100" s="237" t="s">
        <v>253</v>
      </c>
      <c r="Q100" s="9" t="s">
        <v>251</v>
      </c>
      <c r="R100" s="237" t="s">
        <v>250</v>
      </c>
    </row>
    <row r="101" spans="1:18">
      <c r="A101" s="248"/>
      <c r="B101" s="303"/>
      <c r="C101" s="271"/>
      <c r="D101" s="271"/>
      <c r="E101" s="270"/>
      <c r="F101" s="270"/>
      <c r="G101" s="268"/>
      <c r="H101" s="268"/>
      <c r="I101" s="268"/>
      <c r="J101" s="268"/>
      <c r="K101" s="268"/>
      <c r="L101" s="268"/>
      <c r="M101" s="269"/>
      <c r="N101" s="269"/>
      <c r="O101" s="269"/>
      <c r="P101" s="185" t="s">
        <v>1048</v>
      </c>
      <c r="Q101" s="185" t="s">
        <v>338</v>
      </c>
      <c r="R101" s="185" t="s">
        <v>250</v>
      </c>
    </row>
    <row r="102" spans="1:18">
      <c r="A102">
        <v>37</v>
      </c>
      <c r="B102" s="3" t="s">
        <v>41</v>
      </c>
      <c r="C102" s="130" t="s">
        <v>159</v>
      </c>
      <c r="D102" s="130" t="s">
        <v>159</v>
      </c>
      <c r="E102" s="28" t="s">
        <v>155</v>
      </c>
      <c r="F102" s="28" t="s">
        <v>155</v>
      </c>
      <c r="G102" s="149" t="s">
        <v>155</v>
      </c>
      <c r="H102" s="149" t="s">
        <v>155</v>
      </c>
      <c r="I102" s="149" t="s">
        <v>155</v>
      </c>
      <c r="J102" s="149" t="s">
        <v>155</v>
      </c>
      <c r="K102" s="149" t="s">
        <v>155</v>
      </c>
      <c r="L102" s="149" t="s">
        <v>155</v>
      </c>
      <c r="M102" s="166" t="s">
        <v>155</v>
      </c>
      <c r="N102" s="166" t="s">
        <v>155</v>
      </c>
      <c r="O102" s="166" t="s">
        <v>155</v>
      </c>
      <c r="P102" s="13" t="s">
        <v>254</v>
      </c>
      <c r="Q102" s="14" t="s">
        <v>255</v>
      </c>
      <c r="R102" s="13">
        <v>7</v>
      </c>
    </row>
    <row r="103" spans="1:18">
      <c r="A103">
        <v>38</v>
      </c>
      <c r="B103" s="82" t="s">
        <v>899</v>
      </c>
      <c r="C103" s="130" t="s">
        <v>159</v>
      </c>
      <c r="D103" s="130" t="s">
        <v>159</v>
      </c>
      <c r="E103" s="28" t="s">
        <v>155</v>
      </c>
      <c r="F103" s="28" t="s">
        <v>155</v>
      </c>
      <c r="G103" s="149" t="s">
        <v>155</v>
      </c>
      <c r="H103" s="149" t="s">
        <v>155</v>
      </c>
      <c r="I103" s="149" t="s">
        <v>155</v>
      </c>
      <c r="J103" s="149" t="s">
        <v>155</v>
      </c>
      <c r="K103" s="149" t="s">
        <v>155</v>
      </c>
      <c r="L103" s="149" t="s">
        <v>155</v>
      </c>
      <c r="M103" s="166" t="s">
        <v>155</v>
      </c>
      <c r="N103" s="166" t="s">
        <v>155</v>
      </c>
      <c r="O103" s="166" t="s">
        <v>155</v>
      </c>
      <c r="P103" s="13" t="s">
        <v>256</v>
      </c>
      <c r="Q103" s="14" t="s">
        <v>249</v>
      </c>
      <c r="R103" s="13">
        <v>233</v>
      </c>
    </row>
    <row r="104" spans="1:18">
      <c r="A104">
        <v>39</v>
      </c>
      <c r="B104" s="1" t="s">
        <v>42</v>
      </c>
      <c r="C104" s="130" t="s">
        <v>159</v>
      </c>
      <c r="D104" s="130" t="s">
        <v>159</v>
      </c>
      <c r="E104" s="28" t="s">
        <v>155</v>
      </c>
      <c r="F104" s="28" t="s">
        <v>155</v>
      </c>
      <c r="G104" s="149" t="s">
        <v>155</v>
      </c>
      <c r="H104" s="149" t="s">
        <v>155</v>
      </c>
      <c r="I104" s="149" t="s">
        <v>155</v>
      </c>
      <c r="J104" s="149" t="s">
        <v>155</v>
      </c>
      <c r="K104" s="149" t="s">
        <v>155</v>
      </c>
      <c r="L104" s="149" t="s">
        <v>155</v>
      </c>
      <c r="M104" s="166" t="s">
        <v>155</v>
      </c>
      <c r="N104" s="166" t="s">
        <v>155</v>
      </c>
      <c r="O104" s="166" t="s">
        <v>155</v>
      </c>
      <c r="P104" s="13" t="s">
        <v>257</v>
      </c>
      <c r="Q104" s="14" t="s">
        <v>258</v>
      </c>
      <c r="R104" s="13">
        <v>55</v>
      </c>
    </row>
    <row r="105" spans="1:18">
      <c r="A105">
        <v>40</v>
      </c>
      <c r="B105" s="3" t="s">
        <v>43</v>
      </c>
      <c r="C105" s="130" t="s">
        <v>159</v>
      </c>
      <c r="D105" s="130" t="s">
        <v>159</v>
      </c>
      <c r="E105" s="28" t="s">
        <v>155</v>
      </c>
      <c r="F105" s="28" t="s">
        <v>155</v>
      </c>
      <c r="G105" s="149" t="s">
        <v>155</v>
      </c>
      <c r="H105" s="149" t="s">
        <v>155</v>
      </c>
      <c r="I105" s="149" t="s">
        <v>155</v>
      </c>
      <c r="J105" s="149" t="s">
        <v>155</v>
      </c>
      <c r="K105" s="149" t="s">
        <v>155</v>
      </c>
      <c r="L105" s="149" t="s">
        <v>155</v>
      </c>
      <c r="M105" s="166" t="s">
        <v>155</v>
      </c>
      <c r="N105" s="166" t="s">
        <v>155</v>
      </c>
      <c r="O105" s="166" t="s">
        <v>155</v>
      </c>
      <c r="P105" s="13" t="s">
        <v>257</v>
      </c>
      <c r="Q105" s="14" t="s">
        <v>258</v>
      </c>
      <c r="R105" s="13">
        <v>56</v>
      </c>
    </row>
    <row r="106" spans="1:18">
      <c r="A106" s="281">
        <v>41</v>
      </c>
      <c r="B106" s="3" t="s">
        <v>44</v>
      </c>
      <c r="C106" s="130" t="s">
        <v>159</v>
      </c>
      <c r="D106" s="130" t="s">
        <v>159</v>
      </c>
      <c r="E106" s="28" t="s">
        <v>155</v>
      </c>
      <c r="F106" s="28" t="s">
        <v>155</v>
      </c>
      <c r="G106" s="149" t="s">
        <v>159</v>
      </c>
      <c r="H106" s="149" t="s">
        <v>159</v>
      </c>
      <c r="I106" s="149" t="s">
        <v>159</v>
      </c>
      <c r="J106" s="149" t="s">
        <v>159</v>
      </c>
      <c r="K106" s="149" t="s">
        <v>159</v>
      </c>
      <c r="L106" s="149" t="s">
        <v>159</v>
      </c>
      <c r="M106" s="166" t="s">
        <v>172</v>
      </c>
      <c r="N106" s="166" t="s">
        <v>172</v>
      </c>
      <c r="O106" s="166" t="s">
        <v>172</v>
      </c>
      <c r="P106" s="13" t="s">
        <v>257</v>
      </c>
      <c r="Q106" s="14" t="s">
        <v>258</v>
      </c>
      <c r="R106" s="13">
        <v>57</v>
      </c>
    </row>
    <row r="107" spans="1:18">
      <c r="A107" s="281"/>
      <c r="B107" s="3" t="s">
        <v>45</v>
      </c>
      <c r="C107" s="130" t="s">
        <v>159</v>
      </c>
      <c r="D107" s="130" t="s">
        <v>159</v>
      </c>
      <c r="E107" s="28" t="s">
        <v>155</v>
      </c>
      <c r="F107" s="28" t="s">
        <v>155</v>
      </c>
      <c r="G107" s="149" t="s">
        <v>159</v>
      </c>
      <c r="H107" s="149" t="s">
        <v>159</v>
      </c>
      <c r="I107" s="149" t="s">
        <v>159</v>
      </c>
      <c r="J107" s="149" t="s">
        <v>159</v>
      </c>
      <c r="K107" s="149" t="s">
        <v>159</v>
      </c>
      <c r="L107" s="149" t="s">
        <v>159</v>
      </c>
      <c r="M107" s="166" t="s">
        <v>172</v>
      </c>
      <c r="N107" s="166" t="s">
        <v>172</v>
      </c>
      <c r="O107" s="166" t="s">
        <v>172</v>
      </c>
      <c r="P107" s="13" t="s">
        <v>257</v>
      </c>
      <c r="Q107" s="14" t="s">
        <v>258</v>
      </c>
      <c r="R107" s="13">
        <v>58</v>
      </c>
    </row>
    <row r="108" spans="1:18">
      <c r="A108" s="281"/>
      <c r="B108" s="3" t="s">
        <v>46</v>
      </c>
      <c r="C108" s="130" t="s">
        <v>159</v>
      </c>
      <c r="D108" s="130" t="s">
        <v>159</v>
      </c>
      <c r="E108" s="28" t="s">
        <v>155</v>
      </c>
      <c r="F108" s="28" t="s">
        <v>155</v>
      </c>
      <c r="G108" s="149" t="s">
        <v>159</v>
      </c>
      <c r="H108" s="149" t="s">
        <v>159</v>
      </c>
      <c r="I108" s="149" t="s">
        <v>159</v>
      </c>
      <c r="J108" s="149" t="s">
        <v>159</v>
      </c>
      <c r="K108" s="149" t="s">
        <v>159</v>
      </c>
      <c r="L108" s="149" t="s">
        <v>159</v>
      </c>
      <c r="M108" s="166" t="s">
        <v>172</v>
      </c>
      <c r="N108" s="166" t="s">
        <v>172</v>
      </c>
      <c r="O108" s="166" t="s">
        <v>172</v>
      </c>
      <c r="P108" s="13" t="s">
        <v>257</v>
      </c>
      <c r="Q108" s="14" t="s">
        <v>258</v>
      </c>
      <c r="R108" s="13">
        <v>59</v>
      </c>
    </row>
    <row r="109" spans="1:18">
      <c r="A109">
        <v>42</v>
      </c>
      <c r="B109" s="3" t="s">
        <v>47</v>
      </c>
      <c r="C109" s="250" t="s">
        <v>259</v>
      </c>
      <c r="D109" s="250" t="s">
        <v>259</v>
      </c>
      <c r="E109" s="251" t="s">
        <v>259</v>
      </c>
      <c r="F109" s="251" t="s">
        <v>259</v>
      </c>
      <c r="G109" s="268" t="s">
        <v>155</v>
      </c>
      <c r="H109" s="268" t="s">
        <v>155</v>
      </c>
      <c r="I109" s="268" t="s">
        <v>155</v>
      </c>
      <c r="J109" s="268" t="s">
        <v>155</v>
      </c>
      <c r="K109" s="268" t="s">
        <v>155</v>
      </c>
      <c r="L109" s="268" t="s">
        <v>155</v>
      </c>
      <c r="M109" s="269" t="s">
        <v>155</v>
      </c>
      <c r="N109" s="269" t="s">
        <v>155</v>
      </c>
      <c r="O109" s="269" t="s">
        <v>155</v>
      </c>
      <c r="P109" s="13" t="s">
        <v>257</v>
      </c>
      <c r="Q109" s="14" t="s">
        <v>731</v>
      </c>
      <c r="R109" s="13">
        <v>60</v>
      </c>
    </row>
    <row r="110" spans="1:18" ht="15.65" customHeight="1">
      <c r="A110" s="281">
        <v>43</v>
      </c>
      <c r="B110" s="3" t="s">
        <v>48</v>
      </c>
      <c r="C110" s="250"/>
      <c r="D110" s="250"/>
      <c r="E110" s="251"/>
      <c r="F110" s="251"/>
      <c r="G110" s="268"/>
      <c r="H110" s="268"/>
      <c r="I110" s="268"/>
      <c r="J110" s="268"/>
      <c r="K110" s="268"/>
      <c r="L110" s="268"/>
      <c r="M110" s="269"/>
      <c r="N110" s="269"/>
      <c r="O110" s="269"/>
      <c r="P110" s="13" t="s">
        <v>274</v>
      </c>
      <c r="Q110" s="14" t="s">
        <v>275</v>
      </c>
      <c r="R110" s="13">
        <v>1</v>
      </c>
    </row>
    <row r="111" spans="1:18" ht="15.65" customHeight="1">
      <c r="A111" s="281"/>
      <c r="B111" s="3"/>
      <c r="C111" s="250"/>
      <c r="D111" s="250"/>
      <c r="E111" s="251"/>
      <c r="F111" s="251"/>
      <c r="G111" s="268"/>
      <c r="H111" s="268"/>
      <c r="I111" s="268"/>
      <c r="J111" s="268"/>
      <c r="K111" s="268"/>
      <c r="L111" s="268"/>
      <c r="M111" s="269"/>
      <c r="N111" s="269"/>
      <c r="O111" s="269"/>
      <c r="P111" s="13" t="s">
        <v>274</v>
      </c>
      <c r="Q111" s="14" t="s">
        <v>276</v>
      </c>
      <c r="R111" s="13">
        <v>2</v>
      </c>
    </row>
    <row r="112" spans="1:18" ht="15.65" customHeight="1">
      <c r="A112" s="281"/>
      <c r="B112" s="3"/>
      <c r="C112" s="250"/>
      <c r="D112" s="250"/>
      <c r="E112" s="251"/>
      <c r="F112" s="251"/>
      <c r="G112" s="268"/>
      <c r="H112" s="268"/>
      <c r="I112" s="268"/>
      <c r="J112" s="268"/>
      <c r="K112" s="268"/>
      <c r="L112" s="268"/>
      <c r="M112" s="269"/>
      <c r="N112" s="269"/>
      <c r="O112" s="269"/>
      <c r="P112" s="13" t="s">
        <v>274</v>
      </c>
      <c r="Q112" s="14" t="s">
        <v>277</v>
      </c>
      <c r="R112" s="13">
        <v>3</v>
      </c>
    </row>
    <row r="113" spans="1:18">
      <c r="A113" s="281">
        <v>45</v>
      </c>
      <c r="B113" s="3" t="s">
        <v>49</v>
      </c>
      <c r="C113" s="250"/>
      <c r="D113" s="250"/>
      <c r="E113" s="251"/>
      <c r="F113" s="251"/>
      <c r="G113" s="268" t="s">
        <v>172</v>
      </c>
      <c r="H113" s="268" t="s">
        <v>172</v>
      </c>
      <c r="I113" s="268" t="s">
        <v>172</v>
      </c>
      <c r="J113" s="268" t="s">
        <v>172</v>
      </c>
      <c r="K113" s="268" t="s">
        <v>172</v>
      </c>
      <c r="L113" s="268" t="s">
        <v>172</v>
      </c>
      <c r="M113" s="269" t="s">
        <v>172</v>
      </c>
      <c r="N113" s="269" t="s">
        <v>172</v>
      </c>
      <c r="O113" s="269" t="s">
        <v>172</v>
      </c>
      <c r="P113" s="13" t="s">
        <v>278</v>
      </c>
      <c r="Q113" s="14" t="s">
        <v>275</v>
      </c>
      <c r="R113" s="13">
        <v>1</v>
      </c>
    </row>
    <row r="114" spans="1:18">
      <c r="A114" s="281"/>
      <c r="B114" s="3"/>
      <c r="C114" s="250"/>
      <c r="D114" s="250"/>
      <c r="E114" s="251"/>
      <c r="F114" s="251"/>
      <c r="G114" s="268"/>
      <c r="H114" s="268"/>
      <c r="I114" s="268"/>
      <c r="J114" s="268"/>
      <c r="K114" s="268"/>
      <c r="L114" s="268"/>
      <c r="M114" s="269"/>
      <c r="N114" s="269"/>
      <c r="O114" s="269"/>
      <c r="P114" s="13" t="s">
        <v>278</v>
      </c>
      <c r="Q114" s="14" t="s">
        <v>276</v>
      </c>
      <c r="R114" s="13">
        <v>2</v>
      </c>
    </row>
    <row r="115" spans="1:18">
      <c r="A115" s="281"/>
      <c r="B115" s="3"/>
      <c r="C115" s="250"/>
      <c r="D115" s="250"/>
      <c r="E115" s="251"/>
      <c r="F115" s="251"/>
      <c r="G115" s="268"/>
      <c r="H115" s="268"/>
      <c r="I115" s="268"/>
      <c r="J115" s="268"/>
      <c r="K115" s="268"/>
      <c r="L115" s="268"/>
      <c r="M115" s="269"/>
      <c r="N115" s="269"/>
      <c r="O115" s="269"/>
      <c r="P115" s="13" t="s">
        <v>278</v>
      </c>
      <c r="Q115" s="14" t="s">
        <v>277</v>
      </c>
      <c r="R115" s="13">
        <v>3</v>
      </c>
    </row>
    <row r="116" spans="1:18">
      <c r="A116" s="281"/>
      <c r="B116" s="3"/>
      <c r="C116" s="250"/>
      <c r="D116" s="250"/>
      <c r="E116" s="251"/>
      <c r="F116" s="251"/>
      <c r="G116" s="268"/>
      <c r="H116" s="268"/>
      <c r="I116" s="268"/>
      <c r="J116" s="268"/>
      <c r="K116" s="268"/>
      <c r="L116" s="268"/>
      <c r="M116" s="269"/>
      <c r="N116" s="269"/>
      <c r="O116" s="269"/>
      <c r="P116" s="13" t="s">
        <v>279</v>
      </c>
      <c r="Q116" s="14" t="s">
        <v>280</v>
      </c>
      <c r="R116" s="13">
        <v>1</v>
      </c>
    </row>
    <row r="117" spans="1:18">
      <c r="A117" s="281"/>
      <c r="B117" s="3"/>
      <c r="C117" s="250"/>
      <c r="D117" s="250"/>
      <c r="E117" s="251"/>
      <c r="F117" s="251"/>
      <c r="G117" s="268"/>
      <c r="H117" s="268"/>
      <c r="I117" s="268"/>
      <c r="J117" s="268"/>
      <c r="K117" s="268"/>
      <c r="L117" s="268"/>
      <c r="M117" s="269"/>
      <c r="N117" s="269"/>
      <c r="O117" s="269"/>
      <c r="P117" s="13" t="s">
        <v>279</v>
      </c>
      <c r="Q117" s="14" t="s">
        <v>281</v>
      </c>
      <c r="R117" s="13">
        <v>2</v>
      </c>
    </row>
    <row r="118" spans="1:18">
      <c r="A118" s="281"/>
      <c r="B118" s="3"/>
      <c r="C118" s="250"/>
      <c r="D118" s="250"/>
      <c r="E118" s="251"/>
      <c r="F118" s="251"/>
      <c r="G118" s="268"/>
      <c r="H118" s="268"/>
      <c r="I118" s="268"/>
      <c r="J118" s="268"/>
      <c r="K118" s="268"/>
      <c r="L118" s="268"/>
      <c r="M118" s="269"/>
      <c r="N118" s="269"/>
      <c r="O118" s="269"/>
      <c r="P118" s="13" t="s">
        <v>279</v>
      </c>
      <c r="Q118" s="14" t="s">
        <v>282</v>
      </c>
      <c r="R118" s="13">
        <v>3</v>
      </c>
    </row>
    <row r="119" spans="1:18">
      <c r="A119" s="281">
        <v>46</v>
      </c>
      <c r="B119" s="3" t="s">
        <v>50</v>
      </c>
      <c r="C119" s="250"/>
      <c r="D119" s="250"/>
      <c r="E119" s="251"/>
      <c r="F119" s="251"/>
      <c r="G119" s="268" t="s">
        <v>155</v>
      </c>
      <c r="H119" s="268" t="s">
        <v>155</v>
      </c>
      <c r="I119" s="268" t="s">
        <v>155</v>
      </c>
      <c r="J119" s="268" t="s">
        <v>155</v>
      </c>
      <c r="K119" s="268" t="s">
        <v>155</v>
      </c>
      <c r="L119" s="268" t="s">
        <v>155</v>
      </c>
      <c r="M119" s="269" t="s">
        <v>155</v>
      </c>
      <c r="N119" s="269" t="s">
        <v>155</v>
      </c>
      <c r="O119" s="269" t="s">
        <v>155</v>
      </c>
      <c r="P119" s="13" t="s">
        <v>283</v>
      </c>
      <c r="Q119" s="14" t="s">
        <v>275</v>
      </c>
      <c r="R119" s="13">
        <v>1</v>
      </c>
    </row>
    <row r="120" spans="1:18">
      <c r="A120" s="281"/>
      <c r="B120" s="3"/>
      <c r="C120" s="250"/>
      <c r="D120" s="250"/>
      <c r="E120" s="251"/>
      <c r="F120" s="251"/>
      <c r="G120" s="268"/>
      <c r="H120" s="268"/>
      <c r="I120" s="268"/>
      <c r="J120" s="268"/>
      <c r="K120" s="268"/>
      <c r="L120" s="268"/>
      <c r="M120" s="269"/>
      <c r="N120" s="269"/>
      <c r="O120" s="269"/>
      <c r="P120" s="13" t="s">
        <v>283</v>
      </c>
      <c r="Q120" s="14" t="s">
        <v>276</v>
      </c>
      <c r="R120" s="13">
        <v>2</v>
      </c>
    </row>
    <row r="121" spans="1:18">
      <c r="A121" s="281"/>
      <c r="B121" s="3"/>
      <c r="C121" s="250"/>
      <c r="D121" s="250"/>
      <c r="E121" s="251"/>
      <c r="F121" s="251"/>
      <c r="G121" s="268"/>
      <c r="H121" s="268"/>
      <c r="I121" s="268"/>
      <c r="J121" s="268"/>
      <c r="K121" s="268"/>
      <c r="L121" s="268"/>
      <c r="M121" s="269"/>
      <c r="N121" s="269"/>
      <c r="O121" s="269"/>
      <c r="P121" s="13" t="s">
        <v>283</v>
      </c>
      <c r="Q121" s="14" t="s">
        <v>277</v>
      </c>
      <c r="R121" s="13">
        <v>3</v>
      </c>
    </row>
    <row r="122" spans="1:18">
      <c r="A122" s="281"/>
      <c r="B122" s="3"/>
      <c r="C122" s="250"/>
      <c r="D122" s="250"/>
      <c r="E122" s="251"/>
      <c r="F122" s="251"/>
      <c r="G122" s="268"/>
      <c r="H122" s="268"/>
      <c r="I122" s="268"/>
      <c r="J122" s="268"/>
      <c r="K122" s="268"/>
      <c r="L122" s="268"/>
      <c r="M122" s="269"/>
      <c r="N122" s="269"/>
      <c r="O122" s="269"/>
      <c r="P122" s="13" t="s">
        <v>284</v>
      </c>
      <c r="Q122" s="14" t="s">
        <v>280</v>
      </c>
      <c r="R122" s="13">
        <v>1</v>
      </c>
    </row>
    <row r="123" spans="1:18">
      <c r="A123" s="281"/>
      <c r="B123" s="3"/>
      <c r="C123" s="250"/>
      <c r="D123" s="250"/>
      <c r="E123" s="251"/>
      <c r="F123" s="251"/>
      <c r="G123" s="268"/>
      <c r="H123" s="268"/>
      <c r="I123" s="268"/>
      <c r="J123" s="268"/>
      <c r="K123" s="268"/>
      <c r="L123" s="268"/>
      <c r="M123" s="269"/>
      <c r="N123" s="269"/>
      <c r="O123" s="269"/>
      <c r="P123" s="13" t="s">
        <v>284</v>
      </c>
      <c r="Q123" s="14" t="s">
        <v>281</v>
      </c>
      <c r="R123" s="13">
        <v>2</v>
      </c>
    </row>
    <row r="124" spans="1:18">
      <c r="A124" s="281"/>
      <c r="B124" s="3"/>
      <c r="C124" s="250"/>
      <c r="D124" s="250"/>
      <c r="E124" s="251"/>
      <c r="F124" s="251"/>
      <c r="G124" s="268"/>
      <c r="H124" s="268"/>
      <c r="I124" s="268"/>
      <c r="J124" s="268"/>
      <c r="K124" s="268"/>
      <c r="L124" s="268"/>
      <c r="M124" s="269"/>
      <c r="N124" s="269"/>
      <c r="O124" s="269"/>
      <c r="P124" s="13" t="s">
        <v>284</v>
      </c>
      <c r="Q124" s="14" t="s">
        <v>282</v>
      </c>
      <c r="R124" s="13">
        <v>3</v>
      </c>
    </row>
    <row r="125" spans="1:18">
      <c r="A125">
        <v>47</v>
      </c>
      <c r="B125" s="1" t="s">
        <v>51</v>
      </c>
      <c r="C125" s="130" t="s">
        <v>159</v>
      </c>
      <c r="D125" s="130" t="s">
        <v>159</v>
      </c>
      <c r="E125" s="28" t="s">
        <v>155</v>
      </c>
      <c r="F125" s="28" t="s">
        <v>155</v>
      </c>
      <c r="G125" s="149" t="s">
        <v>155</v>
      </c>
      <c r="H125" s="149" t="s">
        <v>155</v>
      </c>
      <c r="I125" s="149" t="s">
        <v>155</v>
      </c>
      <c r="J125" s="149" t="s">
        <v>155</v>
      </c>
      <c r="K125" s="149" t="s">
        <v>155</v>
      </c>
      <c r="L125" s="149" t="s">
        <v>155</v>
      </c>
      <c r="M125" s="166" t="s">
        <v>155</v>
      </c>
      <c r="N125" s="166" t="s">
        <v>155</v>
      </c>
      <c r="O125" s="166" t="s">
        <v>155</v>
      </c>
      <c r="P125" s="16" t="s">
        <v>285</v>
      </c>
      <c r="Q125" s="9" t="s">
        <v>249</v>
      </c>
      <c r="R125" s="10">
        <v>235</v>
      </c>
    </row>
    <row r="126" spans="1:18">
      <c r="A126" s="248">
        <v>48</v>
      </c>
      <c r="B126" s="3" t="s">
        <v>52</v>
      </c>
      <c r="C126" s="279" t="s">
        <v>172</v>
      </c>
      <c r="D126" s="279" t="s">
        <v>172</v>
      </c>
      <c r="E126" s="280" t="s">
        <v>172</v>
      </c>
      <c r="F126" s="280" t="s">
        <v>172</v>
      </c>
      <c r="G126" s="278" t="s">
        <v>159</v>
      </c>
      <c r="H126" s="278" t="s">
        <v>159</v>
      </c>
      <c r="I126" s="278" t="s">
        <v>159</v>
      </c>
      <c r="J126" s="278" t="s">
        <v>159</v>
      </c>
      <c r="K126" s="278" t="s">
        <v>159</v>
      </c>
      <c r="L126" s="278" t="s">
        <v>159</v>
      </c>
      <c r="M126" s="277" t="s">
        <v>159</v>
      </c>
      <c r="N126" s="277" t="s">
        <v>159</v>
      </c>
      <c r="O126" s="277" t="s">
        <v>159</v>
      </c>
      <c r="P126" s="13" t="s">
        <v>286</v>
      </c>
      <c r="Q126" s="14" t="s">
        <v>249</v>
      </c>
      <c r="R126" s="13">
        <v>160</v>
      </c>
    </row>
    <row r="127" spans="1:18">
      <c r="A127" s="248"/>
      <c r="B127" s="3"/>
      <c r="C127" s="279"/>
      <c r="D127" s="279"/>
      <c r="E127" s="280"/>
      <c r="F127" s="280"/>
      <c r="G127" s="278"/>
      <c r="H127" s="278"/>
      <c r="I127" s="278"/>
      <c r="J127" s="278"/>
      <c r="K127" s="278"/>
      <c r="L127" s="278"/>
      <c r="M127" s="277"/>
      <c r="N127" s="277"/>
      <c r="O127" s="277"/>
      <c r="P127" s="13" t="s">
        <v>287</v>
      </c>
      <c r="Q127" s="14" t="s">
        <v>251</v>
      </c>
      <c r="R127" s="13">
        <v>160</v>
      </c>
    </row>
    <row r="128" spans="1:18">
      <c r="A128" s="248">
        <v>49</v>
      </c>
      <c r="B128" s="3" t="s">
        <v>53</v>
      </c>
      <c r="C128" s="279" t="s">
        <v>172</v>
      </c>
      <c r="D128" s="279" t="s">
        <v>172</v>
      </c>
      <c r="E128" s="280" t="s">
        <v>172</v>
      </c>
      <c r="F128" s="280" t="s">
        <v>172</v>
      </c>
      <c r="G128" s="278" t="s">
        <v>159</v>
      </c>
      <c r="H128" s="278" t="s">
        <v>159</v>
      </c>
      <c r="I128" s="278" t="s">
        <v>159</v>
      </c>
      <c r="J128" s="278" t="s">
        <v>159</v>
      </c>
      <c r="K128" s="278" t="s">
        <v>159</v>
      </c>
      <c r="L128" s="278" t="s">
        <v>159</v>
      </c>
      <c r="M128" s="277" t="s">
        <v>159</v>
      </c>
      <c r="N128" s="277" t="s">
        <v>159</v>
      </c>
      <c r="O128" s="277" t="s">
        <v>159</v>
      </c>
      <c r="P128" s="13" t="s">
        <v>288</v>
      </c>
      <c r="Q128" s="14" t="s">
        <v>249</v>
      </c>
      <c r="R128" s="13">
        <v>165</v>
      </c>
    </row>
    <row r="129" spans="1:18">
      <c r="A129" s="248"/>
      <c r="B129" s="3"/>
      <c r="C129" s="279"/>
      <c r="D129" s="279"/>
      <c r="E129" s="280"/>
      <c r="F129" s="280"/>
      <c r="G129" s="278"/>
      <c r="H129" s="278"/>
      <c r="I129" s="278"/>
      <c r="J129" s="278"/>
      <c r="K129" s="278"/>
      <c r="L129" s="278"/>
      <c r="M129" s="277"/>
      <c r="N129" s="277"/>
      <c r="O129" s="277"/>
      <c r="P129" s="13" t="s">
        <v>289</v>
      </c>
      <c r="Q129" s="14" t="s">
        <v>251</v>
      </c>
      <c r="R129" s="13">
        <v>165</v>
      </c>
    </row>
    <row r="130" spans="1:18">
      <c r="A130">
        <v>50</v>
      </c>
      <c r="B130" s="3" t="s">
        <v>54</v>
      </c>
      <c r="C130" s="130" t="s">
        <v>155</v>
      </c>
      <c r="D130" s="130" t="s">
        <v>155</v>
      </c>
      <c r="E130" s="28" t="s">
        <v>155</v>
      </c>
      <c r="F130" s="28" t="s">
        <v>155</v>
      </c>
      <c r="G130" s="149" t="s">
        <v>155</v>
      </c>
      <c r="H130" s="149" t="s">
        <v>155</v>
      </c>
      <c r="I130" s="149" t="s">
        <v>155</v>
      </c>
      <c r="J130" s="149" t="s">
        <v>155</v>
      </c>
      <c r="K130" s="149" t="s">
        <v>155</v>
      </c>
      <c r="L130" s="149" t="s">
        <v>155</v>
      </c>
      <c r="M130" s="166" t="s">
        <v>155</v>
      </c>
      <c r="N130" s="166" t="s">
        <v>155</v>
      </c>
      <c r="O130" s="166" t="s">
        <v>155</v>
      </c>
      <c r="P130" s="13" t="s">
        <v>290</v>
      </c>
      <c r="Q130" s="14" t="s">
        <v>251</v>
      </c>
      <c r="R130" s="13">
        <v>233</v>
      </c>
    </row>
    <row r="131" spans="1:18">
      <c r="A131">
        <v>51</v>
      </c>
      <c r="B131" s="1" t="s">
        <v>55</v>
      </c>
      <c r="C131" s="130" t="s">
        <v>159</v>
      </c>
      <c r="D131" s="130" t="s">
        <v>159</v>
      </c>
      <c r="E131" s="28" t="s">
        <v>159</v>
      </c>
      <c r="F131" s="28" t="s">
        <v>159</v>
      </c>
      <c r="G131" s="149" t="s">
        <v>155</v>
      </c>
      <c r="H131" s="149" t="s">
        <v>155</v>
      </c>
      <c r="I131" s="149" t="s">
        <v>155</v>
      </c>
      <c r="J131" s="149" t="s">
        <v>155</v>
      </c>
      <c r="K131" s="149" t="s">
        <v>155</v>
      </c>
      <c r="L131" s="149" t="s">
        <v>155</v>
      </c>
      <c r="M131" s="166" t="s">
        <v>159</v>
      </c>
      <c r="N131" s="166" t="s">
        <v>159</v>
      </c>
      <c r="O131" s="166" t="s">
        <v>159</v>
      </c>
      <c r="P131" s="16" t="s">
        <v>292</v>
      </c>
      <c r="Q131" s="15" t="s">
        <v>251</v>
      </c>
      <c r="R131" s="16">
        <v>91</v>
      </c>
    </row>
    <row r="132" spans="1:18">
      <c r="B132" s="2"/>
      <c r="C132" s="130" t="s">
        <v>155</v>
      </c>
      <c r="D132" s="130" t="s">
        <v>155</v>
      </c>
      <c r="E132" s="28" t="s">
        <v>155</v>
      </c>
      <c r="F132" s="28" t="s">
        <v>155</v>
      </c>
      <c r="G132" s="149" t="s">
        <v>155</v>
      </c>
      <c r="H132" s="149" t="s">
        <v>155</v>
      </c>
      <c r="I132" s="149" t="s">
        <v>155</v>
      </c>
      <c r="J132" s="149" t="s">
        <v>155</v>
      </c>
      <c r="K132" s="149" t="s">
        <v>155</v>
      </c>
      <c r="L132" s="149" t="s">
        <v>155</v>
      </c>
      <c r="M132" s="166" t="s">
        <v>155</v>
      </c>
      <c r="N132" s="166" t="s">
        <v>155</v>
      </c>
      <c r="O132" s="166" t="s">
        <v>155</v>
      </c>
      <c r="P132" s="16" t="s">
        <v>293</v>
      </c>
      <c r="Q132" s="15" t="s">
        <v>251</v>
      </c>
      <c r="R132" s="16">
        <v>235</v>
      </c>
    </row>
    <row r="133" spans="1:18">
      <c r="A133" s="248">
        <v>52</v>
      </c>
      <c r="B133" s="5" t="s">
        <v>294</v>
      </c>
      <c r="C133" s="272" t="s">
        <v>172</v>
      </c>
      <c r="D133" s="272" t="s">
        <v>172</v>
      </c>
      <c r="E133" s="274" t="s">
        <v>172</v>
      </c>
      <c r="F133" s="274" t="s">
        <v>172</v>
      </c>
      <c r="G133" s="242" t="s">
        <v>172</v>
      </c>
      <c r="H133" s="242" t="s">
        <v>172</v>
      </c>
      <c r="I133" s="242" t="s">
        <v>172</v>
      </c>
      <c r="J133" s="242" t="s">
        <v>172</v>
      </c>
      <c r="K133" s="242" t="s">
        <v>172</v>
      </c>
      <c r="L133" s="242" t="s">
        <v>172</v>
      </c>
      <c r="M133" s="245" t="s">
        <v>172</v>
      </c>
      <c r="N133" s="245" t="s">
        <v>172</v>
      </c>
      <c r="O133" s="245" t="s">
        <v>172</v>
      </c>
      <c r="P133" s="13" t="s">
        <v>296</v>
      </c>
      <c r="Q133" s="13" t="s">
        <v>297</v>
      </c>
      <c r="R133" s="10" t="s">
        <v>169</v>
      </c>
    </row>
    <row r="134" spans="1:18">
      <c r="A134" s="248"/>
      <c r="B134" s="5" t="s">
        <v>295</v>
      </c>
      <c r="C134" s="300"/>
      <c r="D134" s="300"/>
      <c r="E134" s="301"/>
      <c r="F134" s="301"/>
      <c r="G134" s="243"/>
      <c r="H134" s="243"/>
      <c r="I134" s="243"/>
      <c r="J134" s="243"/>
      <c r="K134" s="243"/>
      <c r="L134" s="243"/>
      <c r="M134" s="246"/>
      <c r="N134" s="246"/>
      <c r="O134" s="246"/>
      <c r="P134" s="13" t="s">
        <v>298</v>
      </c>
      <c r="Q134" s="14" t="s">
        <v>299</v>
      </c>
      <c r="R134" s="10" t="s">
        <v>169</v>
      </c>
    </row>
    <row r="135" spans="1:18" s="45" customFormat="1" ht="43.5">
      <c r="A135" s="248"/>
      <c r="B135" s="55" t="s">
        <v>697</v>
      </c>
      <c r="C135" s="300"/>
      <c r="D135" s="300"/>
      <c r="E135" s="301"/>
      <c r="F135" s="301"/>
      <c r="G135" s="243"/>
      <c r="H135" s="243"/>
      <c r="I135" s="243"/>
      <c r="J135" s="243"/>
      <c r="K135" s="243"/>
      <c r="L135" s="243"/>
      <c r="M135" s="246"/>
      <c r="N135" s="246"/>
      <c r="O135" s="246"/>
      <c r="P135" s="56" t="s">
        <v>695</v>
      </c>
      <c r="Q135" s="14" t="s">
        <v>696</v>
      </c>
      <c r="R135" s="57" t="s">
        <v>169</v>
      </c>
    </row>
    <row r="136" spans="1:18" s="45" customFormat="1" ht="29">
      <c r="A136" s="248"/>
      <c r="B136" s="55" t="s">
        <v>700</v>
      </c>
      <c r="C136" s="300"/>
      <c r="D136" s="300"/>
      <c r="E136" s="301"/>
      <c r="F136" s="301"/>
      <c r="G136" s="243"/>
      <c r="H136" s="243"/>
      <c r="I136" s="243"/>
      <c r="J136" s="243"/>
      <c r="K136" s="243"/>
      <c r="L136" s="243"/>
      <c r="M136" s="246"/>
      <c r="N136" s="246"/>
      <c r="O136" s="246"/>
      <c r="P136" s="56" t="s">
        <v>296</v>
      </c>
      <c r="Q136" s="14" t="s">
        <v>699</v>
      </c>
      <c r="R136" s="57" t="s">
        <v>169</v>
      </c>
    </row>
    <row r="137" spans="1:18" s="45" customFormat="1" ht="29">
      <c r="A137" s="248"/>
      <c r="B137" s="55" t="s">
        <v>698</v>
      </c>
      <c r="C137" s="273"/>
      <c r="D137" s="273"/>
      <c r="E137" s="275"/>
      <c r="F137" s="275"/>
      <c r="G137" s="244"/>
      <c r="H137" s="244"/>
      <c r="I137" s="244"/>
      <c r="J137" s="244"/>
      <c r="K137" s="244"/>
      <c r="L137" s="244"/>
      <c r="M137" s="247"/>
      <c r="N137" s="247"/>
      <c r="O137" s="247"/>
      <c r="P137" s="56" t="s">
        <v>296</v>
      </c>
      <c r="Q137" s="14" t="s">
        <v>701</v>
      </c>
      <c r="R137" s="57" t="s">
        <v>169</v>
      </c>
    </row>
    <row r="138" spans="1:18" s="45" customFormat="1">
      <c r="A138" s="45">
        <v>53</v>
      </c>
      <c r="B138" s="3" t="s">
        <v>56</v>
      </c>
      <c r="C138" s="133" t="s">
        <v>172</v>
      </c>
      <c r="D138" s="133" t="s">
        <v>172</v>
      </c>
      <c r="E138" s="28" t="s">
        <v>172</v>
      </c>
      <c r="F138" s="28" t="s">
        <v>172</v>
      </c>
      <c r="G138" s="152" t="s">
        <v>172</v>
      </c>
      <c r="H138" s="152" t="s">
        <v>172</v>
      </c>
      <c r="I138" s="152" t="s">
        <v>172</v>
      </c>
      <c r="J138" s="152" t="s">
        <v>172</v>
      </c>
      <c r="K138" s="152" t="s">
        <v>172</v>
      </c>
      <c r="L138" s="152" t="s">
        <v>172</v>
      </c>
      <c r="M138" s="169" t="s">
        <v>172</v>
      </c>
      <c r="N138" s="169" t="s">
        <v>172</v>
      </c>
      <c r="O138" s="169" t="s">
        <v>172</v>
      </c>
      <c r="P138" s="13" t="s">
        <v>300</v>
      </c>
      <c r="Q138" s="13" t="s">
        <v>301</v>
      </c>
      <c r="R138" s="13">
        <v>30</v>
      </c>
    </row>
    <row r="139" spans="1:18">
      <c r="A139">
        <v>54</v>
      </c>
      <c r="B139" s="86" t="s">
        <v>707</v>
      </c>
      <c r="C139" s="271" t="s">
        <v>172</v>
      </c>
      <c r="D139" s="271" t="s">
        <v>172</v>
      </c>
      <c r="E139" s="270" t="s">
        <v>172</v>
      </c>
      <c r="F139" s="270" t="s">
        <v>172</v>
      </c>
      <c r="G139" s="268" t="s">
        <v>172</v>
      </c>
      <c r="H139" s="268" t="s">
        <v>172</v>
      </c>
      <c r="I139" s="268" t="s">
        <v>172</v>
      </c>
      <c r="J139" s="268" t="s">
        <v>172</v>
      </c>
      <c r="K139" s="268" t="s">
        <v>172</v>
      </c>
      <c r="L139" s="268" t="s">
        <v>172</v>
      </c>
      <c r="M139" s="269" t="s">
        <v>172</v>
      </c>
      <c r="N139" s="269" t="s">
        <v>172</v>
      </c>
      <c r="O139" s="269" t="s">
        <v>172</v>
      </c>
      <c r="P139" s="16" t="s">
        <v>302</v>
      </c>
      <c r="Q139" s="10" t="s">
        <v>303</v>
      </c>
      <c r="R139" s="10">
        <v>2</v>
      </c>
    </row>
    <row r="140" spans="1:18">
      <c r="B140" s="1"/>
      <c r="C140" s="271"/>
      <c r="D140" s="271"/>
      <c r="E140" s="270"/>
      <c r="F140" s="270"/>
      <c r="G140" s="268"/>
      <c r="H140" s="268"/>
      <c r="I140" s="268"/>
      <c r="J140" s="268"/>
      <c r="K140" s="268"/>
      <c r="L140" s="268"/>
      <c r="M140" s="269"/>
      <c r="N140" s="269"/>
      <c r="O140" s="269"/>
      <c r="P140" s="10" t="s">
        <v>302</v>
      </c>
      <c r="Q140" s="10" t="s">
        <v>304</v>
      </c>
      <c r="R140" s="10">
        <v>2</v>
      </c>
    </row>
    <row r="141" spans="1:18" ht="29">
      <c r="A141">
        <v>55</v>
      </c>
      <c r="B141" s="1" t="s">
        <v>57</v>
      </c>
      <c r="C141" s="136" t="s">
        <v>159</v>
      </c>
      <c r="D141" s="136" t="s">
        <v>155</v>
      </c>
      <c r="E141" s="91" t="s">
        <v>155</v>
      </c>
      <c r="F141" s="91" t="s">
        <v>155</v>
      </c>
      <c r="G141" s="154" t="s">
        <v>155</v>
      </c>
      <c r="H141" s="154" t="s">
        <v>155</v>
      </c>
      <c r="I141" s="154" t="s">
        <v>155</v>
      </c>
      <c r="J141" s="154" t="s">
        <v>155</v>
      </c>
      <c r="K141" s="154" t="s">
        <v>155</v>
      </c>
      <c r="L141" s="154" t="s">
        <v>155</v>
      </c>
      <c r="M141" s="171" t="s">
        <v>155</v>
      </c>
      <c r="N141" s="171" t="s">
        <v>155</v>
      </c>
      <c r="O141" s="171" t="s">
        <v>155</v>
      </c>
      <c r="P141" s="13" t="s">
        <v>305</v>
      </c>
      <c r="Q141" s="14" t="s">
        <v>306</v>
      </c>
      <c r="R141" s="13">
        <v>4</v>
      </c>
    </row>
    <row r="142" spans="1:18">
      <c r="A142">
        <v>56</v>
      </c>
      <c r="B142" s="1" t="s">
        <v>58</v>
      </c>
      <c r="C142" s="130" t="s">
        <v>159</v>
      </c>
      <c r="D142" s="130" t="s">
        <v>155</v>
      </c>
      <c r="E142" s="28" t="s">
        <v>155</v>
      </c>
      <c r="F142" s="28" t="s">
        <v>155</v>
      </c>
      <c r="G142" s="149" t="s">
        <v>155</v>
      </c>
      <c r="H142" s="149" t="s">
        <v>155</v>
      </c>
      <c r="I142" s="149" t="s">
        <v>155</v>
      </c>
      <c r="J142" s="149" t="s">
        <v>155</v>
      </c>
      <c r="K142" s="149" t="s">
        <v>155</v>
      </c>
      <c r="L142" s="149" t="s">
        <v>155</v>
      </c>
      <c r="M142" s="166" t="s">
        <v>155</v>
      </c>
      <c r="N142" s="166" t="s">
        <v>155</v>
      </c>
      <c r="O142" s="166" t="s">
        <v>155</v>
      </c>
      <c r="P142" s="13" t="s">
        <v>307</v>
      </c>
      <c r="Q142" s="20" t="s">
        <v>308</v>
      </c>
      <c r="R142" s="13">
        <v>195</v>
      </c>
    </row>
    <row r="143" spans="1:18">
      <c r="A143">
        <v>57</v>
      </c>
      <c r="B143" s="1" t="s">
        <v>59</v>
      </c>
      <c r="C143" s="130" t="s">
        <v>159</v>
      </c>
      <c r="D143" s="130" t="s">
        <v>155</v>
      </c>
      <c r="E143" s="28" t="s">
        <v>155</v>
      </c>
      <c r="F143" s="28" t="s">
        <v>155</v>
      </c>
      <c r="G143" s="149" t="s">
        <v>155</v>
      </c>
      <c r="H143" s="149" t="s">
        <v>155</v>
      </c>
      <c r="I143" s="149" t="s">
        <v>155</v>
      </c>
      <c r="J143" s="149" t="s">
        <v>155</v>
      </c>
      <c r="K143" s="149" t="s">
        <v>155</v>
      </c>
      <c r="L143" s="149" t="s">
        <v>155</v>
      </c>
      <c r="M143" s="166" t="s">
        <v>155</v>
      </c>
      <c r="N143" s="166" t="s">
        <v>155</v>
      </c>
      <c r="O143" s="166" t="s">
        <v>155</v>
      </c>
      <c r="P143" s="13" t="s">
        <v>309</v>
      </c>
      <c r="Q143" s="14" t="s">
        <v>310</v>
      </c>
      <c r="R143" s="13">
        <v>30</v>
      </c>
    </row>
    <row r="144" spans="1:18">
      <c r="A144">
        <v>58</v>
      </c>
      <c r="B144" s="1" t="s">
        <v>60</v>
      </c>
      <c r="C144" s="130" t="s">
        <v>155</v>
      </c>
      <c r="D144" s="130" t="s">
        <v>155</v>
      </c>
      <c r="E144" s="28" t="s">
        <v>155</v>
      </c>
      <c r="F144" s="28" t="s">
        <v>155</v>
      </c>
      <c r="G144" s="149" t="s">
        <v>155</v>
      </c>
      <c r="H144" s="149" t="s">
        <v>155</v>
      </c>
      <c r="I144" s="149" t="s">
        <v>155</v>
      </c>
      <c r="J144" s="149" t="s">
        <v>155</v>
      </c>
      <c r="K144" s="149" t="s">
        <v>155</v>
      </c>
      <c r="L144" s="149" t="s">
        <v>155</v>
      </c>
      <c r="M144" s="166" t="s">
        <v>155</v>
      </c>
      <c r="N144" s="166" t="s">
        <v>155</v>
      </c>
      <c r="O144" s="166" t="s">
        <v>155</v>
      </c>
      <c r="P144" s="10" t="s">
        <v>311</v>
      </c>
      <c r="Q144" s="10" t="s">
        <v>312</v>
      </c>
      <c r="R144" s="10">
        <v>3</v>
      </c>
    </row>
    <row r="145" spans="1:18">
      <c r="B145" s="3"/>
      <c r="C145" s="130" t="s">
        <v>155</v>
      </c>
      <c r="D145" s="130" t="s">
        <v>155</v>
      </c>
      <c r="E145" s="28" t="s">
        <v>155</v>
      </c>
      <c r="F145" s="28" t="s">
        <v>155</v>
      </c>
      <c r="G145" s="149" t="s">
        <v>155</v>
      </c>
      <c r="H145" s="149" t="s">
        <v>155</v>
      </c>
      <c r="I145" s="149" t="s">
        <v>155</v>
      </c>
      <c r="J145" s="149" t="s">
        <v>155</v>
      </c>
      <c r="K145" s="149" t="s">
        <v>155</v>
      </c>
      <c r="L145" s="149" t="s">
        <v>155</v>
      </c>
      <c r="M145" s="166" t="s">
        <v>155</v>
      </c>
      <c r="N145" s="166" t="s">
        <v>155</v>
      </c>
      <c r="O145" s="166" t="s">
        <v>155</v>
      </c>
      <c r="P145" s="13" t="s">
        <v>315</v>
      </c>
      <c r="Q145" s="13" t="s">
        <v>316</v>
      </c>
      <c r="R145" s="13">
        <v>1</v>
      </c>
    </row>
    <row r="146" spans="1:18">
      <c r="B146" s="1"/>
      <c r="C146" s="130" t="s">
        <v>172</v>
      </c>
      <c r="D146" s="130" t="s">
        <v>155</v>
      </c>
      <c r="E146" s="28" t="s">
        <v>172</v>
      </c>
      <c r="F146" s="28" t="s">
        <v>155</v>
      </c>
      <c r="G146" s="149" t="s">
        <v>155</v>
      </c>
      <c r="H146" s="149" t="s">
        <v>155</v>
      </c>
      <c r="I146" s="149" t="s">
        <v>155</v>
      </c>
      <c r="J146" s="149" t="s">
        <v>155</v>
      </c>
      <c r="K146" s="149" t="s">
        <v>155</v>
      </c>
      <c r="L146" s="149" t="s">
        <v>155</v>
      </c>
      <c r="M146" s="166" t="s">
        <v>155</v>
      </c>
      <c r="N146" s="166" t="s">
        <v>155</v>
      </c>
      <c r="O146" s="166" t="s">
        <v>155</v>
      </c>
      <c r="P146" s="13" t="s">
        <v>317</v>
      </c>
      <c r="Q146" s="13" t="s">
        <v>318</v>
      </c>
      <c r="R146" s="13">
        <v>240</v>
      </c>
    </row>
    <row r="147" spans="1:18">
      <c r="A147">
        <v>61</v>
      </c>
      <c r="B147" s="1" t="s">
        <v>62</v>
      </c>
      <c r="C147" s="130" t="s">
        <v>155</v>
      </c>
      <c r="D147" s="130" t="s">
        <v>155</v>
      </c>
      <c r="E147" s="28" t="s">
        <v>155</v>
      </c>
      <c r="F147" s="28" t="s">
        <v>155</v>
      </c>
      <c r="G147" s="149" t="s">
        <v>155</v>
      </c>
      <c r="H147" s="149" t="s">
        <v>155</v>
      </c>
      <c r="I147" s="149" t="s">
        <v>155</v>
      </c>
      <c r="J147" s="149" t="s">
        <v>155</v>
      </c>
      <c r="K147" s="149" t="s">
        <v>155</v>
      </c>
      <c r="L147" s="149" t="s">
        <v>155</v>
      </c>
      <c r="M147" s="166" t="s">
        <v>155</v>
      </c>
      <c r="N147" s="166" t="s">
        <v>155</v>
      </c>
      <c r="O147" s="166" t="s">
        <v>155</v>
      </c>
      <c r="P147" s="13" t="s">
        <v>319</v>
      </c>
      <c r="Q147" s="14" t="s">
        <v>320</v>
      </c>
      <c r="R147" s="13">
        <v>7</v>
      </c>
    </row>
    <row r="148" spans="1:18">
      <c r="A148">
        <v>62</v>
      </c>
      <c r="B148" s="1" t="s">
        <v>63</v>
      </c>
      <c r="C148" s="130" t="s">
        <v>155</v>
      </c>
      <c r="D148" s="130" t="s">
        <v>155</v>
      </c>
      <c r="E148" s="28" t="s">
        <v>155</v>
      </c>
      <c r="F148" s="28" t="s">
        <v>155</v>
      </c>
      <c r="G148" s="149" t="s">
        <v>155</v>
      </c>
      <c r="H148" s="149" t="s">
        <v>155</v>
      </c>
      <c r="I148" s="149" t="s">
        <v>155</v>
      </c>
      <c r="J148" s="149" t="s">
        <v>155</v>
      </c>
      <c r="K148" s="149" t="s">
        <v>155</v>
      </c>
      <c r="L148" s="149" t="s">
        <v>155</v>
      </c>
      <c r="M148" s="166" t="s">
        <v>155</v>
      </c>
      <c r="N148" s="166" t="s">
        <v>155</v>
      </c>
      <c r="O148" s="166" t="s">
        <v>155</v>
      </c>
      <c r="P148" s="13" t="s">
        <v>321</v>
      </c>
      <c r="Q148" s="14" t="s">
        <v>322</v>
      </c>
      <c r="R148" s="13">
        <v>7</v>
      </c>
    </row>
    <row r="149" spans="1:18">
      <c r="A149">
        <v>63</v>
      </c>
      <c r="B149" s="1" t="s">
        <v>64</v>
      </c>
      <c r="C149" s="271" t="s">
        <v>172</v>
      </c>
      <c r="D149" s="271" t="s">
        <v>172</v>
      </c>
      <c r="E149" s="270" t="s">
        <v>172</v>
      </c>
      <c r="F149" s="270" t="s">
        <v>172</v>
      </c>
      <c r="G149" s="268" t="s">
        <v>172</v>
      </c>
      <c r="H149" s="268" t="s">
        <v>172</v>
      </c>
      <c r="I149" s="268" t="s">
        <v>172</v>
      </c>
      <c r="J149" s="268" t="s">
        <v>172</v>
      </c>
      <c r="K149" s="268" t="s">
        <v>172</v>
      </c>
      <c r="L149" s="268" t="s">
        <v>172</v>
      </c>
      <c r="M149" s="269" t="s">
        <v>172</v>
      </c>
      <c r="N149" s="269" t="s">
        <v>172</v>
      </c>
      <c r="O149" s="269" t="s">
        <v>172</v>
      </c>
      <c r="P149" s="13" t="s">
        <v>323</v>
      </c>
      <c r="Q149" s="14" t="s">
        <v>324</v>
      </c>
      <c r="R149" s="13">
        <v>2</v>
      </c>
    </row>
    <row r="150" spans="1:18">
      <c r="B150" s="1"/>
      <c r="C150" s="271"/>
      <c r="D150" s="271"/>
      <c r="E150" s="270"/>
      <c r="F150" s="270"/>
      <c r="G150" s="268"/>
      <c r="H150" s="268"/>
      <c r="I150" s="268"/>
      <c r="J150" s="268"/>
      <c r="K150" s="268"/>
      <c r="L150" s="268"/>
      <c r="M150" s="269"/>
      <c r="N150" s="269"/>
      <c r="O150" s="269"/>
      <c r="P150" s="13" t="s">
        <v>323</v>
      </c>
      <c r="Q150" s="14" t="s">
        <v>325</v>
      </c>
      <c r="R150" s="13">
        <v>2</v>
      </c>
    </row>
    <row r="151" spans="1:18">
      <c r="B151" s="86" t="s">
        <v>785</v>
      </c>
      <c r="C151" s="137" t="s">
        <v>172</v>
      </c>
      <c r="D151" s="137" t="s">
        <v>172</v>
      </c>
      <c r="E151" s="102" t="s">
        <v>172</v>
      </c>
      <c r="F151" s="102" t="s">
        <v>172</v>
      </c>
      <c r="G151" s="156" t="s">
        <v>172</v>
      </c>
      <c r="H151" s="156" t="s">
        <v>172</v>
      </c>
      <c r="I151" s="156" t="s">
        <v>172</v>
      </c>
      <c r="J151" s="156" t="s">
        <v>172</v>
      </c>
      <c r="K151" s="156" t="s">
        <v>172</v>
      </c>
      <c r="L151" s="156" t="s">
        <v>172</v>
      </c>
      <c r="M151" s="173" t="s">
        <v>172</v>
      </c>
      <c r="N151" s="173" t="s">
        <v>172</v>
      </c>
      <c r="O151" s="173" t="s">
        <v>172</v>
      </c>
      <c r="P151" s="89" t="s">
        <v>786</v>
      </c>
      <c r="Q151" s="97" t="s">
        <v>807</v>
      </c>
      <c r="R151" s="89">
        <v>4</v>
      </c>
    </row>
    <row r="152" spans="1:18">
      <c r="A152">
        <v>64</v>
      </c>
      <c r="B152" s="1" t="s">
        <v>65</v>
      </c>
      <c r="C152" s="271" t="s">
        <v>172</v>
      </c>
      <c r="D152" s="271" t="s">
        <v>172</v>
      </c>
      <c r="E152" s="270" t="s">
        <v>172</v>
      </c>
      <c r="F152" s="270" t="s">
        <v>172</v>
      </c>
      <c r="G152" s="268" t="s">
        <v>172</v>
      </c>
      <c r="H152" s="268" t="s">
        <v>172</v>
      </c>
      <c r="I152" s="268" t="s">
        <v>172</v>
      </c>
      <c r="J152" s="268" t="s">
        <v>172</v>
      </c>
      <c r="K152" s="268" t="s">
        <v>172</v>
      </c>
      <c r="L152" s="268" t="s">
        <v>172</v>
      </c>
      <c r="M152" s="269" t="s">
        <v>172</v>
      </c>
      <c r="N152" s="269" t="s">
        <v>172</v>
      </c>
      <c r="O152" s="269" t="s">
        <v>172</v>
      </c>
      <c r="P152" s="13" t="s">
        <v>326</v>
      </c>
      <c r="Q152" s="14" t="s">
        <v>327</v>
      </c>
      <c r="R152" s="13">
        <v>1</v>
      </c>
    </row>
    <row r="153" spans="1:18">
      <c r="B153" s="1"/>
      <c r="C153" s="271"/>
      <c r="D153" s="271"/>
      <c r="E153" s="270"/>
      <c r="F153" s="270"/>
      <c r="G153" s="268"/>
      <c r="H153" s="268"/>
      <c r="I153" s="268"/>
      <c r="J153" s="268"/>
      <c r="K153" s="268"/>
      <c r="L153" s="268"/>
      <c r="M153" s="269"/>
      <c r="N153" s="269"/>
      <c r="O153" s="269"/>
      <c r="P153" s="13" t="s">
        <v>326</v>
      </c>
      <c r="Q153" s="14" t="s">
        <v>199</v>
      </c>
      <c r="R153" s="13">
        <v>1</v>
      </c>
    </row>
    <row r="154" spans="1:18">
      <c r="A154">
        <v>65</v>
      </c>
      <c r="B154" s="1" t="s">
        <v>66</v>
      </c>
      <c r="C154" s="271" t="s">
        <v>159</v>
      </c>
      <c r="D154" s="271" t="s">
        <v>155</v>
      </c>
      <c r="E154" s="270" t="s">
        <v>155</v>
      </c>
      <c r="F154" s="270" t="s">
        <v>155</v>
      </c>
      <c r="G154" s="268" t="s">
        <v>155</v>
      </c>
      <c r="H154" s="268" t="s">
        <v>155</v>
      </c>
      <c r="I154" s="268" t="s">
        <v>155</v>
      </c>
      <c r="J154" s="268" t="s">
        <v>155</v>
      </c>
      <c r="K154" s="268" t="s">
        <v>155</v>
      </c>
      <c r="L154" s="268" t="s">
        <v>155</v>
      </c>
      <c r="M154" s="269" t="s">
        <v>155</v>
      </c>
      <c r="N154" s="269" t="s">
        <v>155</v>
      </c>
      <c r="O154" s="269" t="s">
        <v>155</v>
      </c>
      <c r="P154" s="13" t="s">
        <v>328</v>
      </c>
      <c r="Q154" s="13" t="s">
        <v>329</v>
      </c>
      <c r="R154" s="13">
        <v>1</v>
      </c>
    </row>
    <row r="155" spans="1:18">
      <c r="B155" s="1"/>
      <c r="C155" s="271"/>
      <c r="D155" s="271"/>
      <c r="E155" s="270"/>
      <c r="F155" s="270"/>
      <c r="G155" s="268"/>
      <c r="H155" s="268"/>
      <c r="I155" s="268"/>
      <c r="J155" s="268"/>
      <c r="K155" s="268"/>
      <c r="L155" s="268"/>
      <c r="M155" s="269"/>
      <c r="N155" s="269"/>
      <c r="O155" s="269"/>
      <c r="P155" s="13" t="s">
        <v>328</v>
      </c>
      <c r="Q155" s="14" t="s">
        <v>330</v>
      </c>
      <c r="R155" s="13">
        <v>1</v>
      </c>
    </row>
    <row r="156" spans="1:18">
      <c r="B156" s="1"/>
      <c r="C156" s="271"/>
      <c r="D156" s="271"/>
      <c r="E156" s="270"/>
      <c r="F156" s="270"/>
      <c r="G156" s="268"/>
      <c r="H156" s="268"/>
      <c r="I156" s="268"/>
      <c r="J156" s="268"/>
      <c r="K156" s="268"/>
      <c r="L156" s="268"/>
      <c r="M156" s="269"/>
      <c r="N156" s="269"/>
      <c r="O156" s="269"/>
      <c r="P156" s="13" t="s">
        <v>328</v>
      </c>
      <c r="Q156" s="14" t="s">
        <v>202</v>
      </c>
      <c r="R156" s="13">
        <v>1</v>
      </c>
    </row>
    <row r="157" spans="1:18" ht="24" customHeight="1">
      <c r="B157" s="1"/>
      <c r="C157" s="271"/>
      <c r="D157" s="271"/>
      <c r="E157" s="270"/>
      <c r="F157" s="270"/>
      <c r="G157" s="268"/>
      <c r="H157" s="268"/>
      <c r="I157" s="268"/>
      <c r="J157" s="268"/>
      <c r="K157" s="268"/>
      <c r="L157" s="268"/>
      <c r="M157" s="269"/>
      <c r="N157" s="269"/>
      <c r="O157" s="269"/>
      <c r="P157" s="13" t="s">
        <v>328</v>
      </c>
      <c r="Q157" s="14" t="s">
        <v>203</v>
      </c>
      <c r="R157" s="13">
        <v>2</v>
      </c>
    </row>
    <row r="158" spans="1:18">
      <c r="A158" s="306">
        <v>66</v>
      </c>
      <c r="B158" s="305" t="s">
        <v>67</v>
      </c>
      <c r="C158" s="250" t="s">
        <v>331</v>
      </c>
      <c r="D158" s="250" t="s">
        <v>331</v>
      </c>
      <c r="E158" s="251" t="s">
        <v>331</v>
      </c>
      <c r="F158" s="251" t="s">
        <v>331</v>
      </c>
      <c r="G158" s="252" t="s">
        <v>331</v>
      </c>
      <c r="H158" s="252" t="s">
        <v>331</v>
      </c>
      <c r="I158" s="252" t="s">
        <v>331</v>
      </c>
      <c r="J158" s="252" t="s">
        <v>331</v>
      </c>
      <c r="K158" s="252" t="s">
        <v>331</v>
      </c>
      <c r="L158" s="252" t="s">
        <v>331</v>
      </c>
      <c r="M158" s="253" t="s">
        <v>331</v>
      </c>
      <c r="N158" s="253" t="s">
        <v>331</v>
      </c>
      <c r="O158" s="253" t="s">
        <v>331</v>
      </c>
      <c r="P158" s="13" t="s">
        <v>332</v>
      </c>
      <c r="Q158" s="13" t="s">
        <v>333</v>
      </c>
      <c r="R158" s="13">
        <v>1</v>
      </c>
    </row>
    <row r="159" spans="1:18" ht="17.25" customHeight="1">
      <c r="A159" s="306"/>
      <c r="B159" s="305"/>
      <c r="C159" s="250"/>
      <c r="D159" s="250"/>
      <c r="E159" s="251"/>
      <c r="F159" s="251"/>
      <c r="G159" s="252"/>
      <c r="H159" s="252"/>
      <c r="I159" s="252"/>
      <c r="J159" s="252"/>
      <c r="K159" s="252"/>
      <c r="L159" s="252"/>
      <c r="M159" s="253"/>
      <c r="N159" s="253"/>
      <c r="O159" s="253"/>
      <c r="P159" s="13" t="s">
        <v>332</v>
      </c>
      <c r="Q159" s="14" t="s">
        <v>334</v>
      </c>
      <c r="R159" s="13">
        <v>1</v>
      </c>
    </row>
    <row r="160" spans="1:18">
      <c r="A160" s="306"/>
      <c r="B160" s="305"/>
      <c r="C160" s="250"/>
      <c r="D160" s="250"/>
      <c r="E160" s="251"/>
      <c r="F160" s="251"/>
      <c r="G160" s="252"/>
      <c r="H160" s="252"/>
      <c r="I160" s="252"/>
      <c r="J160" s="252"/>
      <c r="K160" s="252"/>
      <c r="L160" s="252"/>
      <c r="M160" s="253"/>
      <c r="N160" s="253"/>
      <c r="O160" s="253"/>
      <c r="P160" s="13" t="s">
        <v>332</v>
      </c>
      <c r="Q160" s="14" t="s">
        <v>202</v>
      </c>
      <c r="R160" s="13">
        <v>1</v>
      </c>
    </row>
    <row r="161" spans="1:18">
      <c r="A161" s="306"/>
      <c r="B161" s="305"/>
      <c r="C161" s="250"/>
      <c r="D161" s="250"/>
      <c r="E161" s="251"/>
      <c r="F161" s="251"/>
      <c r="G161" s="252"/>
      <c r="H161" s="252"/>
      <c r="I161" s="252"/>
      <c r="J161" s="252"/>
      <c r="K161" s="252"/>
      <c r="L161" s="252"/>
      <c r="M161" s="253"/>
      <c r="N161" s="253"/>
      <c r="O161" s="253"/>
      <c r="P161" s="13" t="s">
        <v>332</v>
      </c>
      <c r="Q161" s="14" t="s">
        <v>203</v>
      </c>
      <c r="R161" s="13">
        <v>2</v>
      </c>
    </row>
    <row r="162" spans="1:18" ht="28.75" customHeight="1">
      <c r="A162" s="308" t="s">
        <v>968</v>
      </c>
      <c r="B162" s="307" t="s">
        <v>969</v>
      </c>
      <c r="C162" s="276" t="s">
        <v>331</v>
      </c>
      <c r="D162" s="276" t="s">
        <v>331</v>
      </c>
      <c r="E162" s="309" t="s">
        <v>331</v>
      </c>
      <c r="F162" s="309" t="s">
        <v>331</v>
      </c>
      <c r="G162" s="310" t="s">
        <v>331</v>
      </c>
      <c r="H162" s="310" t="s">
        <v>331</v>
      </c>
      <c r="I162" s="310" t="s">
        <v>331</v>
      </c>
      <c r="J162" s="310" t="s">
        <v>331</v>
      </c>
      <c r="K162" s="310" t="s">
        <v>331</v>
      </c>
      <c r="L162" s="310" t="s">
        <v>331</v>
      </c>
      <c r="M162" s="304" t="s">
        <v>331</v>
      </c>
      <c r="N162" s="304" t="s">
        <v>331</v>
      </c>
      <c r="O162" s="304" t="s">
        <v>331</v>
      </c>
      <c r="P162" s="89" t="s">
        <v>970</v>
      </c>
      <c r="Q162" s="89" t="s">
        <v>333</v>
      </c>
      <c r="R162" s="89">
        <v>1</v>
      </c>
    </row>
    <row r="163" spans="1:18" ht="17.25" customHeight="1">
      <c r="A163" s="308"/>
      <c r="B163" s="307"/>
      <c r="C163" s="276"/>
      <c r="D163" s="276"/>
      <c r="E163" s="309"/>
      <c r="F163" s="309"/>
      <c r="G163" s="310"/>
      <c r="H163" s="310"/>
      <c r="I163" s="310"/>
      <c r="J163" s="310"/>
      <c r="K163" s="310"/>
      <c r="L163" s="310"/>
      <c r="M163" s="304"/>
      <c r="N163" s="304"/>
      <c r="O163" s="304"/>
      <c r="P163" s="89" t="s">
        <v>970</v>
      </c>
      <c r="Q163" s="97" t="s">
        <v>334</v>
      </c>
      <c r="R163" s="89">
        <v>1</v>
      </c>
    </row>
    <row r="164" spans="1:18">
      <c r="A164" s="308"/>
      <c r="B164" s="307"/>
      <c r="C164" s="276"/>
      <c r="D164" s="276"/>
      <c r="E164" s="309"/>
      <c r="F164" s="309"/>
      <c r="G164" s="310"/>
      <c r="H164" s="310"/>
      <c r="I164" s="310"/>
      <c r="J164" s="310"/>
      <c r="K164" s="310"/>
      <c r="L164" s="310"/>
      <c r="M164" s="304"/>
      <c r="N164" s="304"/>
      <c r="O164" s="304"/>
      <c r="P164" s="89" t="s">
        <v>970</v>
      </c>
      <c r="Q164" s="97" t="s">
        <v>202</v>
      </c>
      <c r="R164" s="89">
        <v>1</v>
      </c>
    </row>
    <row r="165" spans="1:18">
      <c r="A165" s="308"/>
      <c r="B165" s="307"/>
      <c r="C165" s="276"/>
      <c r="D165" s="276"/>
      <c r="E165" s="309"/>
      <c r="F165" s="309"/>
      <c r="G165" s="310"/>
      <c r="H165" s="310"/>
      <c r="I165" s="310"/>
      <c r="J165" s="310"/>
      <c r="K165" s="310"/>
      <c r="L165" s="310"/>
      <c r="M165" s="304"/>
      <c r="N165" s="304"/>
      <c r="O165" s="304"/>
      <c r="P165" s="89" t="s">
        <v>970</v>
      </c>
      <c r="Q165" s="97" t="s">
        <v>203</v>
      </c>
      <c r="R165" s="89">
        <v>2</v>
      </c>
    </row>
    <row r="166" spans="1:18">
      <c r="A166">
        <v>67</v>
      </c>
      <c r="B166" s="1" t="s">
        <v>68</v>
      </c>
      <c r="C166" s="272" t="s">
        <v>155</v>
      </c>
      <c r="D166" s="272" t="s">
        <v>155</v>
      </c>
      <c r="E166" s="274" t="s">
        <v>155</v>
      </c>
      <c r="F166" s="274" t="s">
        <v>155</v>
      </c>
      <c r="G166" s="242" t="s">
        <v>155</v>
      </c>
      <c r="H166" s="242" t="s">
        <v>155</v>
      </c>
      <c r="I166" s="242" t="s">
        <v>155</v>
      </c>
      <c r="J166" s="242" t="s">
        <v>155</v>
      </c>
      <c r="K166" s="242" t="s">
        <v>155</v>
      </c>
      <c r="L166" s="242" t="s">
        <v>155</v>
      </c>
      <c r="M166" s="245" t="s">
        <v>155</v>
      </c>
      <c r="N166" s="245" t="s">
        <v>155</v>
      </c>
      <c r="O166" s="245" t="s">
        <v>155</v>
      </c>
      <c r="P166" s="16" t="s">
        <v>335</v>
      </c>
      <c r="Q166" s="97" t="s">
        <v>966</v>
      </c>
      <c r="R166" s="89">
        <v>1</v>
      </c>
    </row>
    <row r="167" spans="1:18">
      <c r="B167" s="1"/>
      <c r="C167" s="273"/>
      <c r="D167" s="273"/>
      <c r="E167" s="275"/>
      <c r="F167" s="275"/>
      <c r="G167" s="244"/>
      <c r="H167" s="244"/>
      <c r="I167" s="244"/>
      <c r="J167" s="244"/>
      <c r="K167" s="244"/>
      <c r="L167" s="244"/>
      <c r="M167" s="247"/>
      <c r="N167" s="247"/>
      <c r="O167" s="247"/>
      <c r="P167" s="188" t="s">
        <v>335</v>
      </c>
      <c r="Q167" s="9" t="s">
        <v>336</v>
      </c>
      <c r="R167" s="188">
        <v>1</v>
      </c>
    </row>
    <row r="168" spans="1:18">
      <c r="A168">
        <v>68</v>
      </c>
      <c r="B168" s="1" t="s">
        <v>69</v>
      </c>
      <c r="C168" s="271" t="s">
        <v>155</v>
      </c>
      <c r="D168" s="271" t="s">
        <v>155</v>
      </c>
      <c r="E168" s="270" t="s">
        <v>155</v>
      </c>
      <c r="F168" s="270" t="s">
        <v>155</v>
      </c>
      <c r="G168" s="268" t="s">
        <v>155</v>
      </c>
      <c r="H168" s="268" t="s">
        <v>155</v>
      </c>
      <c r="I168" s="268" t="s">
        <v>155</v>
      </c>
      <c r="J168" s="268" t="s">
        <v>155</v>
      </c>
      <c r="K168" s="268" t="s">
        <v>155</v>
      </c>
      <c r="L168" s="268" t="s">
        <v>155</v>
      </c>
      <c r="M168" s="269" t="s">
        <v>155</v>
      </c>
      <c r="N168" s="269" t="s">
        <v>155</v>
      </c>
      <c r="O168" s="269" t="s">
        <v>155</v>
      </c>
      <c r="P168" s="13" t="s">
        <v>337</v>
      </c>
      <c r="Q168" s="13" t="s">
        <v>338</v>
      </c>
      <c r="R168" s="13" t="s">
        <v>250</v>
      </c>
    </row>
    <row r="169" spans="1:18">
      <c r="B169" s="1"/>
      <c r="C169" s="271"/>
      <c r="D169" s="271"/>
      <c r="E169" s="270"/>
      <c r="F169" s="270"/>
      <c r="G169" s="268"/>
      <c r="H169" s="268"/>
      <c r="I169" s="268"/>
      <c r="J169" s="268"/>
      <c r="K169" s="268"/>
      <c r="L169" s="268"/>
      <c r="M169" s="269"/>
      <c r="N169" s="269"/>
      <c r="O169" s="269"/>
      <c r="P169" s="13" t="s">
        <v>337</v>
      </c>
      <c r="Q169" s="13" t="s">
        <v>339</v>
      </c>
      <c r="R169" s="13">
        <v>232</v>
      </c>
    </row>
    <row r="170" spans="1:18">
      <c r="A170">
        <v>69</v>
      </c>
      <c r="B170" s="3" t="s">
        <v>70</v>
      </c>
      <c r="C170" s="271" t="s">
        <v>159</v>
      </c>
      <c r="D170" s="271" t="s">
        <v>159</v>
      </c>
      <c r="E170" s="270" t="s">
        <v>172</v>
      </c>
      <c r="F170" s="270" t="s">
        <v>172</v>
      </c>
      <c r="G170" s="268" t="s">
        <v>172</v>
      </c>
      <c r="H170" s="268" t="s">
        <v>172</v>
      </c>
      <c r="I170" s="268" t="s">
        <v>172</v>
      </c>
      <c r="J170" s="268" t="s">
        <v>172</v>
      </c>
      <c r="K170" s="268" t="s">
        <v>172</v>
      </c>
      <c r="L170" s="268" t="s">
        <v>172</v>
      </c>
      <c r="M170" s="269" t="s">
        <v>172</v>
      </c>
      <c r="N170" s="269" t="s">
        <v>172</v>
      </c>
      <c r="O170" s="269" t="s">
        <v>172</v>
      </c>
      <c r="P170" s="13" t="s">
        <v>340</v>
      </c>
      <c r="Q170" s="13" t="s">
        <v>341</v>
      </c>
      <c r="R170" s="13" t="s">
        <v>250</v>
      </c>
    </row>
    <row r="171" spans="1:18">
      <c r="B171" s="3"/>
      <c r="C171" s="271"/>
      <c r="D171" s="271"/>
      <c r="E171" s="270"/>
      <c r="F171" s="270"/>
      <c r="G171" s="268"/>
      <c r="H171" s="268"/>
      <c r="I171" s="268"/>
      <c r="J171" s="268"/>
      <c r="K171" s="268"/>
      <c r="L171" s="268"/>
      <c r="M171" s="269"/>
      <c r="N171" s="269"/>
      <c r="O171" s="269"/>
      <c r="P171" s="13" t="s">
        <v>340</v>
      </c>
      <c r="Q171" s="13" t="s">
        <v>339</v>
      </c>
      <c r="R171" s="13">
        <v>232</v>
      </c>
    </row>
    <row r="172" spans="1:18">
      <c r="A172">
        <v>70</v>
      </c>
      <c r="B172" s="1" t="s">
        <v>71</v>
      </c>
      <c r="C172" s="250" t="s">
        <v>155</v>
      </c>
      <c r="D172" s="250" t="s">
        <v>155</v>
      </c>
      <c r="E172" s="251" t="s">
        <v>155</v>
      </c>
      <c r="F172" s="251" t="s">
        <v>155</v>
      </c>
      <c r="G172" s="252" t="s">
        <v>155</v>
      </c>
      <c r="H172" s="252" t="s">
        <v>155</v>
      </c>
      <c r="I172" s="252" t="s">
        <v>155</v>
      </c>
      <c r="J172" s="252" t="s">
        <v>155</v>
      </c>
      <c r="K172" s="252" t="s">
        <v>155</v>
      </c>
      <c r="L172" s="252" t="s">
        <v>155</v>
      </c>
      <c r="M172" s="253" t="s">
        <v>155</v>
      </c>
      <c r="N172" s="253" t="s">
        <v>155</v>
      </c>
      <c r="O172" s="253" t="s">
        <v>155</v>
      </c>
      <c r="P172" s="10" t="s">
        <v>342</v>
      </c>
      <c r="Q172" s="10" t="s">
        <v>343</v>
      </c>
      <c r="R172" s="10">
        <v>57</v>
      </c>
    </row>
    <row r="173" spans="1:18">
      <c r="B173" s="1"/>
      <c r="C173" s="250"/>
      <c r="D173" s="250"/>
      <c r="E173" s="251"/>
      <c r="F173" s="251"/>
      <c r="G173" s="252"/>
      <c r="H173" s="252"/>
      <c r="I173" s="252"/>
      <c r="J173" s="252"/>
      <c r="K173" s="252"/>
      <c r="L173" s="252"/>
      <c r="M173" s="253"/>
      <c r="N173" s="253"/>
      <c r="O173" s="253"/>
      <c r="P173" s="10" t="s">
        <v>342</v>
      </c>
      <c r="Q173" s="10" t="s">
        <v>251</v>
      </c>
      <c r="R173" s="10">
        <v>1</v>
      </c>
    </row>
    <row r="174" spans="1:18">
      <c r="B174" s="1"/>
      <c r="C174" s="250"/>
      <c r="D174" s="250"/>
      <c r="E174" s="251"/>
      <c r="F174" s="251"/>
      <c r="G174" s="252"/>
      <c r="H174" s="252"/>
      <c r="I174" s="252"/>
      <c r="J174" s="252"/>
      <c r="K174" s="252"/>
      <c r="L174" s="252"/>
      <c r="M174" s="253"/>
      <c r="N174" s="253"/>
      <c r="O174" s="253"/>
      <c r="P174" s="10" t="s">
        <v>342</v>
      </c>
      <c r="Q174" s="10" t="s">
        <v>203</v>
      </c>
      <c r="R174" s="10">
        <v>2</v>
      </c>
    </row>
    <row r="175" spans="1:18">
      <c r="A175">
        <v>71</v>
      </c>
      <c r="B175" s="1" t="s">
        <v>72</v>
      </c>
      <c r="C175" s="250"/>
      <c r="D175" s="250"/>
      <c r="E175" s="251"/>
      <c r="F175" s="251"/>
      <c r="G175" s="252"/>
      <c r="H175" s="252"/>
      <c r="I175" s="252"/>
      <c r="J175" s="252"/>
      <c r="K175" s="252"/>
      <c r="L175" s="252"/>
      <c r="M175" s="253"/>
      <c r="N175" s="253"/>
      <c r="O175" s="253"/>
      <c r="P175" s="10" t="s">
        <v>344</v>
      </c>
      <c r="Q175" s="10" t="s">
        <v>345</v>
      </c>
      <c r="R175" s="10">
        <v>57</v>
      </c>
    </row>
    <row r="176" spans="1:18">
      <c r="B176" s="1"/>
      <c r="C176" s="250"/>
      <c r="D176" s="250"/>
      <c r="E176" s="251"/>
      <c r="F176" s="251"/>
      <c r="G176" s="252"/>
      <c r="H176" s="252"/>
      <c r="I176" s="252"/>
      <c r="J176" s="252"/>
      <c r="K176" s="252"/>
      <c r="L176" s="252"/>
      <c r="M176" s="253"/>
      <c r="N176" s="253"/>
      <c r="O176" s="253"/>
      <c r="P176" s="10" t="s">
        <v>344</v>
      </c>
      <c r="Q176" s="10" t="s">
        <v>251</v>
      </c>
      <c r="R176" s="10">
        <v>1</v>
      </c>
    </row>
    <row r="177" spans="1:18">
      <c r="B177" s="1"/>
      <c r="C177" s="250"/>
      <c r="D177" s="250"/>
      <c r="E177" s="251"/>
      <c r="F177" s="251"/>
      <c r="G177" s="252"/>
      <c r="H177" s="252"/>
      <c r="I177" s="252"/>
      <c r="J177" s="252"/>
      <c r="K177" s="252"/>
      <c r="L177" s="252"/>
      <c r="M177" s="253"/>
      <c r="N177" s="253"/>
      <c r="O177" s="253"/>
      <c r="P177" s="10" t="s">
        <v>344</v>
      </c>
      <c r="Q177" s="10" t="s">
        <v>203</v>
      </c>
      <c r="R177" s="10">
        <v>2</v>
      </c>
    </row>
    <row r="178" spans="1:18" ht="29">
      <c r="A178">
        <v>72</v>
      </c>
      <c r="B178" s="1" t="s">
        <v>73</v>
      </c>
      <c r="C178" s="130" t="s">
        <v>159</v>
      </c>
      <c r="D178" s="130" t="s">
        <v>159</v>
      </c>
      <c r="E178" s="30" t="s">
        <v>346</v>
      </c>
      <c r="F178" s="30" t="s">
        <v>346</v>
      </c>
      <c r="G178" s="153" t="s">
        <v>346</v>
      </c>
      <c r="H178" s="153" t="s">
        <v>346</v>
      </c>
      <c r="I178" s="153" t="s">
        <v>346</v>
      </c>
      <c r="J178" s="153" t="s">
        <v>346</v>
      </c>
      <c r="K178" s="153" t="s">
        <v>346</v>
      </c>
      <c r="L178" s="153" t="s">
        <v>346</v>
      </c>
      <c r="M178" s="170" t="s">
        <v>346</v>
      </c>
      <c r="N178" s="170" t="s">
        <v>346</v>
      </c>
      <c r="O178" s="170" t="s">
        <v>346</v>
      </c>
      <c r="P178" s="10" t="s">
        <v>347</v>
      </c>
      <c r="Q178" s="9" t="s">
        <v>348</v>
      </c>
      <c r="R178" s="10">
        <v>1</v>
      </c>
    </row>
    <row r="179" spans="1:18">
      <c r="A179">
        <v>73</v>
      </c>
      <c r="B179" s="3" t="s">
        <v>74</v>
      </c>
      <c r="C179" s="250" t="s">
        <v>155</v>
      </c>
      <c r="D179" s="250" t="s">
        <v>155</v>
      </c>
      <c r="E179" s="251" t="s">
        <v>155</v>
      </c>
      <c r="F179" s="251" t="s">
        <v>155</v>
      </c>
      <c r="G179" s="252" t="s">
        <v>155</v>
      </c>
      <c r="H179" s="252" t="s">
        <v>155</v>
      </c>
      <c r="I179" s="252" t="s">
        <v>155</v>
      </c>
      <c r="J179" s="252" t="s">
        <v>155</v>
      </c>
      <c r="K179" s="252" t="s">
        <v>155</v>
      </c>
      <c r="L179" s="252" t="s">
        <v>155</v>
      </c>
      <c r="M179" s="253" t="s">
        <v>155</v>
      </c>
      <c r="N179" s="253" t="s">
        <v>155</v>
      </c>
      <c r="O179" s="253" t="s">
        <v>155</v>
      </c>
      <c r="P179" s="10" t="s">
        <v>349</v>
      </c>
      <c r="Q179" s="9" t="s">
        <v>350</v>
      </c>
      <c r="R179" s="10">
        <v>1</v>
      </c>
    </row>
    <row r="180" spans="1:18">
      <c r="B180" s="1"/>
      <c r="C180" s="250"/>
      <c r="D180" s="250"/>
      <c r="E180" s="251"/>
      <c r="F180" s="251"/>
      <c r="G180" s="252"/>
      <c r="H180" s="252"/>
      <c r="I180" s="252"/>
      <c r="J180" s="252"/>
      <c r="K180" s="252"/>
      <c r="L180" s="252"/>
      <c r="M180" s="253"/>
      <c r="N180" s="253"/>
      <c r="O180" s="253"/>
      <c r="P180" s="10" t="s">
        <v>349</v>
      </c>
      <c r="Q180" s="9" t="s">
        <v>351</v>
      </c>
      <c r="R180" s="10">
        <v>2</v>
      </c>
    </row>
    <row r="181" spans="1:18">
      <c r="B181" s="1"/>
      <c r="C181" s="250"/>
      <c r="D181" s="250"/>
      <c r="E181" s="251"/>
      <c r="F181" s="251"/>
      <c r="G181" s="252"/>
      <c r="H181" s="252"/>
      <c r="I181" s="252"/>
      <c r="J181" s="252"/>
      <c r="K181" s="252"/>
      <c r="L181" s="252"/>
      <c r="M181" s="253"/>
      <c r="N181" s="253"/>
      <c r="O181" s="253"/>
      <c r="P181" s="10" t="s">
        <v>349</v>
      </c>
      <c r="Q181" s="9" t="s">
        <v>352</v>
      </c>
      <c r="R181" s="10">
        <v>3</v>
      </c>
    </row>
    <row r="182" spans="1:18">
      <c r="A182">
        <v>74</v>
      </c>
      <c r="B182" s="1" t="s">
        <v>75</v>
      </c>
      <c r="C182" s="130" t="s">
        <v>172</v>
      </c>
      <c r="D182" s="130" t="s">
        <v>172</v>
      </c>
      <c r="E182" s="28" t="s">
        <v>172</v>
      </c>
      <c r="F182" s="28" t="s">
        <v>172</v>
      </c>
      <c r="G182" s="149" t="s">
        <v>159</v>
      </c>
      <c r="H182" s="149" t="s">
        <v>159</v>
      </c>
      <c r="I182" s="149" t="s">
        <v>159</v>
      </c>
      <c r="J182" s="149" t="s">
        <v>159</v>
      </c>
      <c r="K182" s="149" t="s">
        <v>159</v>
      </c>
      <c r="L182" s="149" t="s">
        <v>159</v>
      </c>
      <c r="M182" s="166" t="s">
        <v>159</v>
      </c>
      <c r="N182" s="166" t="s">
        <v>159</v>
      </c>
      <c r="O182" s="166" t="s">
        <v>159</v>
      </c>
      <c r="P182" s="10" t="s">
        <v>353</v>
      </c>
      <c r="Q182" s="9" t="s">
        <v>354</v>
      </c>
      <c r="R182" s="10">
        <v>5</v>
      </c>
    </row>
    <row r="183" spans="1:18">
      <c r="A183">
        <v>75</v>
      </c>
      <c r="B183" s="1" t="s">
        <v>76</v>
      </c>
      <c r="C183" s="250" t="s">
        <v>172</v>
      </c>
      <c r="D183" s="250" t="s">
        <v>155</v>
      </c>
      <c r="E183" s="251" t="s">
        <v>172</v>
      </c>
      <c r="F183" s="251" t="s">
        <v>155</v>
      </c>
      <c r="G183" s="252" t="s">
        <v>159</v>
      </c>
      <c r="H183" s="252" t="s">
        <v>159</v>
      </c>
      <c r="I183" s="252" t="s">
        <v>159</v>
      </c>
      <c r="J183" s="252" t="s">
        <v>159</v>
      </c>
      <c r="K183" s="252" t="s">
        <v>159</v>
      </c>
      <c r="L183" s="252" t="s">
        <v>159</v>
      </c>
      <c r="M183" s="253" t="s">
        <v>172</v>
      </c>
      <c r="N183" s="253" t="s">
        <v>172</v>
      </c>
      <c r="O183" s="253" t="s">
        <v>172</v>
      </c>
      <c r="P183" s="48" t="s">
        <v>734</v>
      </c>
      <c r="Q183" s="49" t="s">
        <v>735</v>
      </c>
      <c r="R183" s="10">
        <v>1</v>
      </c>
    </row>
    <row r="184" spans="1:18">
      <c r="B184" s="1"/>
      <c r="C184" s="250"/>
      <c r="D184" s="250"/>
      <c r="E184" s="251"/>
      <c r="F184" s="251"/>
      <c r="G184" s="252"/>
      <c r="H184" s="252"/>
      <c r="I184" s="252"/>
      <c r="J184" s="252"/>
      <c r="K184" s="252"/>
      <c r="L184" s="252"/>
      <c r="M184" s="253"/>
      <c r="N184" s="253"/>
      <c r="O184" s="253"/>
      <c r="P184" s="10" t="s">
        <v>355</v>
      </c>
      <c r="Q184" s="9" t="s">
        <v>356</v>
      </c>
      <c r="R184" s="10">
        <v>2</v>
      </c>
    </row>
    <row r="185" spans="1:18">
      <c r="A185">
        <v>76</v>
      </c>
      <c r="B185" s="1" t="s">
        <v>77</v>
      </c>
      <c r="C185" s="130" t="s">
        <v>172</v>
      </c>
      <c r="D185" s="130" t="s">
        <v>172</v>
      </c>
      <c r="E185" s="28" t="s">
        <v>172</v>
      </c>
      <c r="F185" s="28" t="s">
        <v>172</v>
      </c>
      <c r="G185" s="149" t="s">
        <v>172</v>
      </c>
      <c r="H185" s="149" t="s">
        <v>172</v>
      </c>
      <c r="I185" s="149" t="s">
        <v>172</v>
      </c>
      <c r="J185" s="149" t="s">
        <v>172</v>
      </c>
      <c r="K185" s="149" t="s">
        <v>172</v>
      </c>
      <c r="L185" s="149" t="s">
        <v>172</v>
      </c>
      <c r="M185" s="166" t="s">
        <v>172</v>
      </c>
      <c r="N185" s="166" t="s">
        <v>172</v>
      </c>
      <c r="O185" s="166" t="s">
        <v>172</v>
      </c>
      <c r="P185" s="10" t="s">
        <v>357</v>
      </c>
      <c r="Q185" s="9" t="s">
        <v>358</v>
      </c>
      <c r="R185" s="10">
        <v>7</v>
      </c>
    </row>
    <row r="186" spans="1:18">
      <c r="A186">
        <v>77</v>
      </c>
      <c r="B186" s="1" t="s">
        <v>78</v>
      </c>
      <c r="C186" s="130" t="s">
        <v>172</v>
      </c>
      <c r="D186" s="130" t="s">
        <v>172</v>
      </c>
      <c r="E186" s="28" t="s">
        <v>172</v>
      </c>
      <c r="F186" s="28" t="s">
        <v>172</v>
      </c>
      <c r="G186" s="149" t="s">
        <v>172</v>
      </c>
      <c r="H186" s="149" t="s">
        <v>172</v>
      </c>
      <c r="I186" s="149" t="s">
        <v>172</v>
      </c>
      <c r="J186" s="149" t="s">
        <v>172</v>
      </c>
      <c r="K186" s="149" t="s">
        <v>172</v>
      </c>
      <c r="L186" s="149" t="s">
        <v>172</v>
      </c>
      <c r="M186" s="166" t="s">
        <v>172</v>
      </c>
      <c r="N186" s="166" t="s">
        <v>172</v>
      </c>
      <c r="O186" s="166" t="s">
        <v>172</v>
      </c>
      <c r="P186" s="10" t="s">
        <v>359</v>
      </c>
      <c r="Q186" s="10" t="s">
        <v>360</v>
      </c>
      <c r="R186" s="10">
        <v>140</v>
      </c>
    </row>
    <row r="187" spans="1:18">
      <c r="A187">
        <v>78</v>
      </c>
      <c r="B187" s="1" t="s">
        <v>79</v>
      </c>
      <c r="C187" s="130" t="s">
        <v>172</v>
      </c>
      <c r="D187" s="130" t="s">
        <v>155</v>
      </c>
      <c r="E187" s="28" t="s">
        <v>172</v>
      </c>
      <c r="F187" s="28" t="s">
        <v>155</v>
      </c>
      <c r="G187" s="149" t="s">
        <v>155</v>
      </c>
      <c r="H187" s="149" t="s">
        <v>155</v>
      </c>
      <c r="I187" s="149" t="s">
        <v>155</v>
      </c>
      <c r="J187" s="149" t="s">
        <v>155</v>
      </c>
      <c r="K187" s="149" t="s">
        <v>155</v>
      </c>
      <c r="L187" s="149" t="s">
        <v>155</v>
      </c>
      <c r="M187" s="166" t="s">
        <v>155</v>
      </c>
      <c r="N187" s="166" t="s">
        <v>155</v>
      </c>
      <c r="O187" s="166" t="s">
        <v>155</v>
      </c>
      <c r="P187" s="10" t="s">
        <v>361</v>
      </c>
      <c r="Q187" s="9" t="s">
        <v>362</v>
      </c>
      <c r="R187" s="10">
        <v>4</v>
      </c>
    </row>
    <row r="188" spans="1:18">
      <c r="A188">
        <v>79</v>
      </c>
      <c r="B188" s="1" t="s">
        <v>80</v>
      </c>
      <c r="C188" s="130" t="s">
        <v>172</v>
      </c>
      <c r="D188" s="130" t="s">
        <v>155</v>
      </c>
      <c r="E188" s="28" t="s">
        <v>172</v>
      </c>
      <c r="F188" s="28" t="s">
        <v>155</v>
      </c>
      <c r="G188" s="149" t="s">
        <v>155</v>
      </c>
      <c r="H188" s="149" t="s">
        <v>155</v>
      </c>
      <c r="I188" s="149" t="s">
        <v>155</v>
      </c>
      <c r="J188" s="149" t="s">
        <v>155</v>
      </c>
      <c r="K188" s="149" t="s">
        <v>155</v>
      </c>
      <c r="L188" s="149" t="s">
        <v>155</v>
      </c>
      <c r="M188" s="166" t="s">
        <v>155</v>
      </c>
      <c r="N188" s="166" t="s">
        <v>155</v>
      </c>
      <c r="O188" s="166" t="s">
        <v>155</v>
      </c>
      <c r="P188" s="10" t="s">
        <v>317</v>
      </c>
      <c r="Q188" s="9" t="s">
        <v>318</v>
      </c>
      <c r="R188" s="10">
        <v>240</v>
      </c>
    </row>
    <row r="189" spans="1:18" ht="27.75" customHeight="1">
      <c r="A189">
        <v>80</v>
      </c>
      <c r="B189" s="1" t="s">
        <v>81</v>
      </c>
      <c r="C189" s="250" t="s">
        <v>363</v>
      </c>
      <c r="D189" s="250" t="s">
        <v>363</v>
      </c>
      <c r="E189" s="251" t="s">
        <v>363</v>
      </c>
      <c r="F189" s="251" t="s">
        <v>363</v>
      </c>
      <c r="G189" s="252" t="s">
        <v>363</v>
      </c>
      <c r="H189" s="252" t="s">
        <v>363</v>
      </c>
      <c r="I189" s="252" t="s">
        <v>363</v>
      </c>
      <c r="J189" s="252" t="s">
        <v>363</v>
      </c>
      <c r="K189" s="252" t="s">
        <v>363</v>
      </c>
      <c r="L189" s="252" t="s">
        <v>363</v>
      </c>
      <c r="M189" s="253" t="s">
        <v>363</v>
      </c>
      <c r="N189" s="253" t="s">
        <v>363</v>
      </c>
      <c r="O189" s="253" t="s">
        <v>363</v>
      </c>
      <c r="P189" s="13" t="s">
        <v>364</v>
      </c>
      <c r="Q189" s="14" t="s">
        <v>365</v>
      </c>
      <c r="R189" s="13">
        <v>146</v>
      </c>
    </row>
    <row r="190" spans="1:18" ht="27.75" customHeight="1">
      <c r="B190" s="1"/>
      <c r="C190" s="250"/>
      <c r="D190" s="250"/>
      <c r="E190" s="251"/>
      <c r="F190" s="251"/>
      <c r="G190" s="252"/>
      <c r="H190" s="252"/>
      <c r="I190" s="252"/>
      <c r="J190" s="252"/>
      <c r="K190" s="252"/>
      <c r="L190" s="252"/>
      <c r="M190" s="253"/>
      <c r="N190" s="253"/>
      <c r="O190" s="253"/>
      <c r="P190" s="13" t="s">
        <v>364</v>
      </c>
      <c r="Q190" s="14" t="s">
        <v>366</v>
      </c>
      <c r="R190" s="13">
        <v>1</v>
      </c>
    </row>
    <row r="191" spans="1:18" ht="31.5" customHeight="1">
      <c r="B191" s="1"/>
      <c r="C191" s="250"/>
      <c r="D191" s="250"/>
      <c r="E191" s="251"/>
      <c r="F191" s="251"/>
      <c r="G191" s="252"/>
      <c r="H191" s="252"/>
      <c r="I191" s="252"/>
      <c r="J191" s="252"/>
      <c r="K191" s="252"/>
      <c r="L191" s="252"/>
      <c r="M191" s="253"/>
      <c r="N191" s="253"/>
      <c r="O191" s="253"/>
      <c r="P191" s="13" t="s">
        <v>364</v>
      </c>
      <c r="Q191" s="14" t="s">
        <v>367</v>
      </c>
      <c r="R191" s="13">
        <v>2</v>
      </c>
    </row>
    <row r="192" spans="1:18" ht="31.5" customHeight="1">
      <c r="A192" s="239" t="s">
        <v>1001</v>
      </c>
      <c r="B192" s="200" t="s">
        <v>1002</v>
      </c>
      <c r="C192" s="201" t="s">
        <v>172</v>
      </c>
      <c r="D192" s="201" t="s">
        <v>172</v>
      </c>
      <c r="E192" s="202" t="s">
        <v>172</v>
      </c>
      <c r="F192" s="202" t="s">
        <v>172</v>
      </c>
      <c r="G192" s="203" t="s">
        <v>172</v>
      </c>
      <c r="H192" s="203" t="s">
        <v>172</v>
      </c>
      <c r="I192" s="203" t="s">
        <v>172</v>
      </c>
      <c r="J192" s="203" t="s">
        <v>172</v>
      </c>
      <c r="K192" s="203" t="s">
        <v>172</v>
      </c>
      <c r="L192" s="203" t="s">
        <v>172</v>
      </c>
      <c r="M192" s="204" t="s">
        <v>172</v>
      </c>
      <c r="N192" s="204" t="s">
        <v>172</v>
      </c>
      <c r="O192" s="204" t="s">
        <v>172</v>
      </c>
      <c r="P192" s="185" t="s">
        <v>1011</v>
      </c>
      <c r="Q192" s="240" t="s">
        <v>1003</v>
      </c>
      <c r="R192" s="185">
        <v>7</v>
      </c>
    </row>
    <row r="193" spans="1:18">
      <c r="A193">
        <v>81</v>
      </c>
      <c r="B193" s="3" t="s">
        <v>82</v>
      </c>
      <c r="C193" s="130" t="s">
        <v>159</v>
      </c>
      <c r="D193" s="130" t="s">
        <v>155</v>
      </c>
      <c r="E193" s="28" t="s">
        <v>159</v>
      </c>
      <c r="F193" s="28" t="s">
        <v>155</v>
      </c>
      <c r="G193" s="149" t="s">
        <v>155</v>
      </c>
      <c r="H193" s="149" t="s">
        <v>155</v>
      </c>
      <c r="I193" s="149" t="s">
        <v>155</v>
      </c>
      <c r="J193" s="149" t="s">
        <v>155</v>
      </c>
      <c r="K193" s="149" t="s">
        <v>155</v>
      </c>
      <c r="L193" s="149" t="s">
        <v>155</v>
      </c>
      <c r="M193" s="166" t="s">
        <v>155</v>
      </c>
      <c r="N193" s="166" t="s">
        <v>155</v>
      </c>
      <c r="O193" s="166" t="s">
        <v>155</v>
      </c>
      <c r="P193" s="10" t="s">
        <v>368</v>
      </c>
      <c r="Q193" s="9" t="s">
        <v>369</v>
      </c>
      <c r="R193" s="10">
        <v>7</v>
      </c>
    </row>
    <row r="194" spans="1:18">
      <c r="A194">
        <v>82</v>
      </c>
      <c r="B194" s="3" t="s">
        <v>83</v>
      </c>
      <c r="C194" s="130" t="s">
        <v>172</v>
      </c>
      <c r="D194" s="130" t="s">
        <v>172</v>
      </c>
      <c r="E194" s="28" t="s">
        <v>172</v>
      </c>
      <c r="F194" s="28" t="s">
        <v>172</v>
      </c>
      <c r="G194" s="149" t="s">
        <v>172</v>
      </c>
      <c r="H194" s="149" t="s">
        <v>172</v>
      </c>
      <c r="I194" s="149" t="s">
        <v>172</v>
      </c>
      <c r="J194" s="149" t="s">
        <v>172</v>
      </c>
      <c r="K194" s="149" t="s">
        <v>172</v>
      </c>
      <c r="L194" s="149" t="s">
        <v>172</v>
      </c>
      <c r="M194" s="166" t="s">
        <v>172</v>
      </c>
      <c r="N194" s="166" t="s">
        <v>172</v>
      </c>
      <c r="O194" s="166" t="s">
        <v>172</v>
      </c>
      <c r="P194" s="13" t="s">
        <v>370</v>
      </c>
      <c r="Q194" s="14" t="s">
        <v>371</v>
      </c>
      <c r="R194" s="13">
        <v>7</v>
      </c>
    </row>
    <row r="195" spans="1:18">
      <c r="A195">
        <v>83</v>
      </c>
      <c r="B195" s="3" t="s">
        <v>84</v>
      </c>
      <c r="C195" s="250" t="s">
        <v>172</v>
      </c>
      <c r="D195" s="250" t="s">
        <v>172</v>
      </c>
      <c r="E195" s="251" t="s">
        <v>172</v>
      </c>
      <c r="F195" s="251" t="s">
        <v>172</v>
      </c>
      <c r="G195" s="252" t="s">
        <v>172</v>
      </c>
      <c r="H195" s="252" t="s">
        <v>172</v>
      </c>
      <c r="I195" s="252" t="s">
        <v>172</v>
      </c>
      <c r="J195" s="252" t="s">
        <v>172</v>
      </c>
      <c r="K195" s="252" t="s">
        <v>172</v>
      </c>
      <c r="L195" s="252" t="s">
        <v>172</v>
      </c>
      <c r="M195" s="253" t="s">
        <v>172</v>
      </c>
      <c r="N195" s="253" t="s">
        <v>172</v>
      </c>
      <c r="O195" s="253" t="s">
        <v>172</v>
      </c>
      <c r="P195" s="13" t="s">
        <v>372</v>
      </c>
      <c r="Q195" s="14" t="s">
        <v>373</v>
      </c>
      <c r="R195" s="13">
        <v>5</v>
      </c>
    </row>
    <row r="196" spans="1:18">
      <c r="B196" s="3"/>
      <c r="C196" s="250"/>
      <c r="D196" s="250"/>
      <c r="E196" s="251"/>
      <c r="F196" s="251"/>
      <c r="G196" s="252"/>
      <c r="H196" s="252"/>
      <c r="I196" s="252"/>
      <c r="J196" s="252"/>
      <c r="K196" s="252"/>
      <c r="L196" s="252"/>
      <c r="M196" s="253"/>
      <c r="N196" s="253"/>
      <c r="O196" s="253"/>
      <c r="P196" s="13" t="s">
        <v>372</v>
      </c>
      <c r="Q196" s="13" t="s">
        <v>374</v>
      </c>
      <c r="R196" s="13">
        <v>5</v>
      </c>
    </row>
    <row r="197" spans="1:18">
      <c r="A197">
        <v>84</v>
      </c>
      <c r="B197" s="3" t="s">
        <v>85</v>
      </c>
      <c r="C197" s="130" t="s">
        <v>172</v>
      </c>
      <c r="D197" s="130" t="s">
        <v>155</v>
      </c>
      <c r="E197" s="28" t="s">
        <v>172</v>
      </c>
      <c r="F197" s="28" t="s">
        <v>155</v>
      </c>
      <c r="G197" s="149" t="s">
        <v>155</v>
      </c>
      <c r="H197" s="149" t="s">
        <v>155</v>
      </c>
      <c r="I197" s="149" t="s">
        <v>155</v>
      </c>
      <c r="J197" s="149" t="s">
        <v>155</v>
      </c>
      <c r="K197" s="149" t="s">
        <v>155</v>
      </c>
      <c r="L197" s="149" t="s">
        <v>155</v>
      </c>
      <c r="M197" s="166" t="s">
        <v>155</v>
      </c>
      <c r="N197" s="166" t="s">
        <v>155</v>
      </c>
      <c r="O197" s="166" t="s">
        <v>155</v>
      </c>
      <c r="P197" s="10" t="s">
        <v>375</v>
      </c>
      <c r="Q197" s="10" t="s">
        <v>376</v>
      </c>
      <c r="R197" s="9" t="s">
        <v>377</v>
      </c>
    </row>
    <row r="198" spans="1:18" s="53" customFormat="1">
      <c r="A198" s="103">
        <v>85</v>
      </c>
      <c r="B198" s="86" t="s">
        <v>86</v>
      </c>
      <c r="C198" s="138" t="s">
        <v>155</v>
      </c>
      <c r="D198" s="138" t="s">
        <v>155</v>
      </c>
      <c r="E198" s="87" t="s">
        <v>155</v>
      </c>
      <c r="F198" s="87" t="s">
        <v>155</v>
      </c>
      <c r="G198" s="157" t="s">
        <v>155</v>
      </c>
      <c r="H198" s="157" t="s">
        <v>155</v>
      </c>
      <c r="I198" s="157" t="s">
        <v>155</v>
      </c>
      <c r="J198" s="157" t="s">
        <v>155</v>
      </c>
      <c r="K198" s="157" t="s">
        <v>155</v>
      </c>
      <c r="L198" s="157" t="s">
        <v>155</v>
      </c>
      <c r="M198" s="174" t="s">
        <v>155</v>
      </c>
      <c r="N198" s="174" t="s">
        <v>155</v>
      </c>
      <c r="O198" s="174" t="s">
        <v>155</v>
      </c>
      <c r="P198" s="89" t="s">
        <v>293</v>
      </c>
      <c r="Q198" s="97" t="s">
        <v>379</v>
      </c>
      <c r="R198" s="89">
        <v>235</v>
      </c>
    </row>
    <row r="199" spans="1:18">
      <c r="A199">
        <v>86</v>
      </c>
      <c r="B199" s="3" t="s">
        <v>87</v>
      </c>
      <c r="C199" s="130" t="s">
        <v>155</v>
      </c>
      <c r="D199" s="130" t="s">
        <v>155</v>
      </c>
      <c r="E199" s="28" t="s">
        <v>155</v>
      </c>
      <c r="F199" s="28" t="s">
        <v>155</v>
      </c>
      <c r="G199" s="149" t="s">
        <v>155</v>
      </c>
      <c r="H199" s="149" t="s">
        <v>155</v>
      </c>
      <c r="I199" s="149" t="s">
        <v>155</v>
      </c>
      <c r="J199" s="149" t="s">
        <v>155</v>
      </c>
      <c r="K199" s="149" t="s">
        <v>155</v>
      </c>
      <c r="L199" s="149" t="s">
        <v>155</v>
      </c>
      <c r="M199" s="166" t="s">
        <v>155</v>
      </c>
      <c r="N199" s="166" t="s">
        <v>155</v>
      </c>
      <c r="O199" s="166" t="s">
        <v>155</v>
      </c>
      <c r="P199" s="10" t="s">
        <v>378</v>
      </c>
      <c r="Q199" s="9" t="s">
        <v>380</v>
      </c>
      <c r="R199" s="10">
        <v>5</v>
      </c>
    </row>
    <row r="200" spans="1:18">
      <c r="A200">
        <v>87</v>
      </c>
      <c r="B200" s="3" t="s">
        <v>88</v>
      </c>
      <c r="C200" s="130" t="s">
        <v>159</v>
      </c>
      <c r="D200" s="130" t="s">
        <v>155</v>
      </c>
      <c r="E200" s="28" t="s">
        <v>155</v>
      </c>
      <c r="F200" s="28" t="s">
        <v>155</v>
      </c>
      <c r="G200" s="149" t="s">
        <v>155</v>
      </c>
      <c r="H200" s="149" t="s">
        <v>155</v>
      </c>
      <c r="I200" s="149" t="s">
        <v>155</v>
      </c>
      <c r="J200" s="149" t="s">
        <v>155</v>
      </c>
      <c r="K200" s="149" t="s">
        <v>155</v>
      </c>
      <c r="L200" s="149" t="s">
        <v>155</v>
      </c>
      <c r="M200" s="166" t="s">
        <v>155</v>
      </c>
      <c r="N200" s="166" t="s">
        <v>155</v>
      </c>
      <c r="O200" s="166" t="s">
        <v>155</v>
      </c>
      <c r="P200" s="13" t="s">
        <v>378</v>
      </c>
      <c r="Q200" s="14" t="s">
        <v>381</v>
      </c>
      <c r="R200" s="13">
        <v>6</v>
      </c>
    </row>
    <row r="201" spans="1:18">
      <c r="A201">
        <v>88</v>
      </c>
      <c r="B201" s="3" t="s">
        <v>89</v>
      </c>
      <c r="C201" s="130" t="s">
        <v>155</v>
      </c>
      <c r="D201" s="130" t="s">
        <v>155</v>
      </c>
      <c r="E201" s="28" t="s">
        <v>155</v>
      </c>
      <c r="F201" s="28" t="s">
        <v>155</v>
      </c>
      <c r="G201" s="149" t="s">
        <v>155</v>
      </c>
      <c r="H201" s="149" t="s">
        <v>155</v>
      </c>
      <c r="I201" s="149" t="s">
        <v>155</v>
      </c>
      <c r="J201" s="149" t="s">
        <v>155</v>
      </c>
      <c r="K201" s="149" t="s">
        <v>155</v>
      </c>
      <c r="L201" s="149" t="s">
        <v>155</v>
      </c>
      <c r="M201" s="166" t="s">
        <v>155</v>
      </c>
      <c r="N201" s="166" t="s">
        <v>155</v>
      </c>
      <c r="O201" s="166" t="s">
        <v>155</v>
      </c>
      <c r="P201" s="13" t="s">
        <v>378</v>
      </c>
      <c r="Q201" s="14" t="s">
        <v>382</v>
      </c>
      <c r="R201" s="13">
        <v>7</v>
      </c>
    </row>
    <row r="202" spans="1:18">
      <c r="A202">
        <v>89</v>
      </c>
      <c r="B202" s="3" t="s">
        <v>61</v>
      </c>
      <c r="C202" s="130" t="s">
        <v>155</v>
      </c>
      <c r="D202" s="130" t="s">
        <v>155</v>
      </c>
      <c r="E202" s="28" t="s">
        <v>155</v>
      </c>
      <c r="F202" s="28" t="s">
        <v>155</v>
      </c>
      <c r="G202" s="149" t="s">
        <v>155</v>
      </c>
      <c r="H202" s="149" t="s">
        <v>155</v>
      </c>
      <c r="I202" s="149" t="s">
        <v>155</v>
      </c>
      <c r="J202" s="149" t="s">
        <v>155</v>
      </c>
      <c r="K202" s="149" t="s">
        <v>155</v>
      </c>
      <c r="L202" s="149" t="s">
        <v>155</v>
      </c>
      <c r="M202" s="166" t="s">
        <v>155</v>
      </c>
      <c r="N202" s="166" t="s">
        <v>155</v>
      </c>
      <c r="O202" s="166" t="s">
        <v>155</v>
      </c>
      <c r="P202" s="13" t="s">
        <v>313</v>
      </c>
      <c r="Q202" s="13" t="s">
        <v>314</v>
      </c>
      <c r="R202" s="13">
        <v>2</v>
      </c>
    </row>
    <row r="203" spans="1:18" ht="29">
      <c r="A203">
        <v>90</v>
      </c>
      <c r="B203" s="3" t="s">
        <v>90</v>
      </c>
      <c r="C203" s="130" t="s">
        <v>155</v>
      </c>
      <c r="D203" s="130" t="s">
        <v>155</v>
      </c>
      <c r="E203" s="28" t="s">
        <v>155</v>
      </c>
      <c r="F203" s="28" t="s">
        <v>155</v>
      </c>
      <c r="G203" s="149" t="s">
        <v>155</v>
      </c>
      <c r="H203" s="149" t="s">
        <v>155</v>
      </c>
      <c r="I203" s="149" t="s">
        <v>155</v>
      </c>
      <c r="J203" s="149" t="s">
        <v>155</v>
      </c>
      <c r="K203" s="149" t="s">
        <v>155</v>
      </c>
      <c r="L203" s="149" t="s">
        <v>155</v>
      </c>
      <c r="M203" s="166" t="s">
        <v>155</v>
      </c>
      <c r="N203" s="166" t="s">
        <v>155</v>
      </c>
      <c r="O203" s="166" t="s">
        <v>155</v>
      </c>
      <c r="P203" s="13" t="s">
        <v>378</v>
      </c>
      <c r="Q203" s="14" t="s">
        <v>383</v>
      </c>
      <c r="R203" s="13">
        <v>150</v>
      </c>
    </row>
    <row r="204" spans="1:18">
      <c r="A204">
        <v>91</v>
      </c>
      <c r="B204" s="3" t="s">
        <v>91</v>
      </c>
      <c r="C204" s="250" t="s">
        <v>155</v>
      </c>
      <c r="D204" s="250" t="s">
        <v>155</v>
      </c>
      <c r="E204" s="251" t="s">
        <v>155</v>
      </c>
      <c r="F204" s="251" t="s">
        <v>155</v>
      </c>
      <c r="G204" s="252" t="s">
        <v>155</v>
      </c>
      <c r="H204" s="252" t="s">
        <v>155</v>
      </c>
      <c r="I204" s="252" t="s">
        <v>155</v>
      </c>
      <c r="J204" s="252" t="s">
        <v>155</v>
      </c>
      <c r="K204" s="252" t="s">
        <v>155</v>
      </c>
      <c r="L204" s="252" t="s">
        <v>155</v>
      </c>
      <c r="M204" s="253" t="s">
        <v>155</v>
      </c>
      <c r="N204" s="253" t="s">
        <v>155</v>
      </c>
      <c r="O204" s="253" t="s">
        <v>155</v>
      </c>
      <c r="P204" s="13" t="s">
        <v>384</v>
      </c>
      <c r="Q204" s="14" t="s">
        <v>385</v>
      </c>
      <c r="R204" s="13">
        <v>194</v>
      </c>
    </row>
    <row r="205" spans="1:18">
      <c r="B205" s="3"/>
      <c r="C205" s="250"/>
      <c r="D205" s="250"/>
      <c r="E205" s="251"/>
      <c r="F205" s="251"/>
      <c r="G205" s="252"/>
      <c r="H205" s="252"/>
      <c r="I205" s="252"/>
      <c r="J205" s="252"/>
      <c r="K205" s="252"/>
      <c r="L205" s="252"/>
      <c r="M205" s="253"/>
      <c r="N205" s="253"/>
      <c r="O205" s="253"/>
      <c r="P205" s="21" t="s">
        <v>384</v>
      </c>
      <c r="Q205" s="14" t="s">
        <v>386</v>
      </c>
      <c r="R205" s="13">
        <v>194</v>
      </c>
    </row>
    <row r="206" spans="1:18">
      <c r="A206">
        <v>92</v>
      </c>
      <c r="B206" s="3" t="s">
        <v>92</v>
      </c>
      <c r="C206" s="250" t="s">
        <v>159</v>
      </c>
      <c r="D206" s="250" t="s">
        <v>155</v>
      </c>
      <c r="E206" s="251" t="s">
        <v>172</v>
      </c>
      <c r="F206" s="251" t="s">
        <v>172</v>
      </c>
      <c r="G206" s="252" t="s">
        <v>172</v>
      </c>
      <c r="H206" s="252" t="s">
        <v>172</v>
      </c>
      <c r="I206" s="252" t="s">
        <v>172</v>
      </c>
      <c r="J206" s="252" t="s">
        <v>172</v>
      </c>
      <c r="K206" s="252" t="s">
        <v>172</v>
      </c>
      <c r="L206" s="252" t="s">
        <v>172</v>
      </c>
      <c r="M206" s="253" t="s">
        <v>172</v>
      </c>
      <c r="N206" s="253" t="s">
        <v>172</v>
      </c>
      <c r="O206" s="253" t="s">
        <v>172</v>
      </c>
      <c r="P206" s="21" t="s">
        <v>387</v>
      </c>
      <c r="Q206" s="14" t="s">
        <v>388</v>
      </c>
      <c r="R206" s="13">
        <v>194</v>
      </c>
    </row>
    <row r="207" spans="1:18" ht="29">
      <c r="B207" s="3"/>
      <c r="C207" s="250"/>
      <c r="D207" s="250"/>
      <c r="E207" s="251"/>
      <c r="F207" s="251"/>
      <c r="G207" s="252"/>
      <c r="H207" s="252"/>
      <c r="I207" s="252"/>
      <c r="J207" s="252"/>
      <c r="K207" s="252"/>
      <c r="L207" s="252"/>
      <c r="M207" s="253"/>
      <c r="N207" s="253"/>
      <c r="O207" s="253"/>
      <c r="P207" s="21" t="s">
        <v>387</v>
      </c>
      <c r="Q207" s="14" t="s">
        <v>389</v>
      </c>
      <c r="R207" s="13">
        <v>194</v>
      </c>
    </row>
    <row r="208" spans="1:18">
      <c r="A208">
        <v>93</v>
      </c>
      <c r="B208" s="3" t="s">
        <v>93</v>
      </c>
      <c r="C208" s="130" t="s">
        <v>159</v>
      </c>
      <c r="D208" s="130" t="s">
        <v>155</v>
      </c>
      <c r="E208" s="28" t="s">
        <v>159</v>
      </c>
      <c r="F208" s="28" t="s">
        <v>155</v>
      </c>
      <c r="G208" s="149" t="s">
        <v>155</v>
      </c>
      <c r="H208" s="149" t="s">
        <v>155</v>
      </c>
      <c r="I208" s="149" t="s">
        <v>155</v>
      </c>
      <c r="J208" s="149" t="s">
        <v>155</v>
      </c>
      <c r="K208" s="149" t="s">
        <v>155</v>
      </c>
      <c r="L208" s="149" t="s">
        <v>155</v>
      </c>
      <c r="M208" s="166" t="s">
        <v>155</v>
      </c>
      <c r="N208" s="166" t="s">
        <v>155</v>
      </c>
      <c r="O208" s="166" t="s">
        <v>155</v>
      </c>
      <c r="P208" s="13" t="s">
        <v>390</v>
      </c>
      <c r="Q208" s="14" t="s">
        <v>391</v>
      </c>
      <c r="R208" s="13">
        <v>226</v>
      </c>
    </row>
    <row r="209" spans="1:18">
      <c r="A209">
        <v>94</v>
      </c>
      <c r="B209" s="3" t="s">
        <v>94</v>
      </c>
      <c r="C209" s="250" t="s">
        <v>172</v>
      </c>
      <c r="D209" s="250" t="s">
        <v>172</v>
      </c>
      <c r="E209" s="251" t="s">
        <v>172</v>
      </c>
      <c r="F209" s="251" t="s">
        <v>172</v>
      </c>
      <c r="G209" s="252" t="s">
        <v>172</v>
      </c>
      <c r="H209" s="252" t="s">
        <v>172</v>
      </c>
      <c r="I209" s="252" t="s">
        <v>172</v>
      </c>
      <c r="J209" s="252" t="s">
        <v>172</v>
      </c>
      <c r="K209" s="252" t="s">
        <v>172</v>
      </c>
      <c r="L209" s="252" t="s">
        <v>172</v>
      </c>
      <c r="M209" s="253" t="s">
        <v>172</v>
      </c>
      <c r="N209" s="253" t="s">
        <v>172</v>
      </c>
      <c r="O209" s="253" t="s">
        <v>172</v>
      </c>
      <c r="P209" s="13" t="s">
        <v>392</v>
      </c>
      <c r="Q209" s="13" t="s">
        <v>393</v>
      </c>
      <c r="R209" s="14" t="s">
        <v>377</v>
      </c>
    </row>
    <row r="210" spans="1:18">
      <c r="B210" s="3" t="s">
        <v>95</v>
      </c>
      <c r="C210" s="250"/>
      <c r="D210" s="250"/>
      <c r="E210" s="251"/>
      <c r="F210" s="251"/>
      <c r="G210" s="252"/>
      <c r="H210" s="252"/>
      <c r="I210" s="252"/>
      <c r="J210" s="252"/>
      <c r="K210" s="252"/>
      <c r="L210" s="252"/>
      <c r="M210" s="253"/>
      <c r="N210" s="253"/>
      <c r="O210" s="253"/>
      <c r="P210" s="13" t="s">
        <v>394</v>
      </c>
      <c r="Q210" s="14" t="s">
        <v>395</v>
      </c>
      <c r="R210" s="13">
        <v>2</v>
      </c>
    </row>
    <row r="211" spans="1:18">
      <c r="A211">
        <v>95</v>
      </c>
      <c r="B211" s="1" t="s">
        <v>96</v>
      </c>
      <c r="C211" s="250" t="s">
        <v>172</v>
      </c>
      <c r="D211" s="250" t="s">
        <v>172</v>
      </c>
      <c r="E211" s="251" t="s">
        <v>172</v>
      </c>
      <c r="F211" s="251" t="s">
        <v>172</v>
      </c>
      <c r="G211" s="252" t="s">
        <v>172</v>
      </c>
      <c r="H211" s="252" t="s">
        <v>172</v>
      </c>
      <c r="I211" s="252" t="s">
        <v>172</v>
      </c>
      <c r="J211" s="252" t="s">
        <v>172</v>
      </c>
      <c r="K211" s="252" t="s">
        <v>172</v>
      </c>
      <c r="L211" s="252" t="s">
        <v>172</v>
      </c>
      <c r="M211" s="253" t="s">
        <v>172</v>
      </c>
      <c r="N211" s="253" t="s">
        <v>172</v>
      </c>
      <c r="O211" s="253" t="s">
        <v>172</v>
      </c>
      <c r="P211" s="10" t="s">
        <v>396</v>
      </c>
      <c r="Q211" s="10" t="s">
        <v>397</v>
      </c>
      <c r="R211" s="10">
        <v>6</v>
      </c>
    </row>
    <row r="212" spans="1:18">
      <c r="B212" s="1"/>
      <c r="C212" s="250"/>
      <c r="D212" s="250"/>
      <c r="E212" s="251"/>
      <c r="F212" s="251"/>
      <c r="G212" s="252"/>
      <c r="H212" s="252"/>
      <c r="I212" s="252"/>
      <c r="J212" s="252"/>
      <c r="K212" s="252"/>
      <c r="L212" s="252"/>
      <c r="M212" s="253"/>
      <c r="N212" s="253"/>
      <c r="O212" s="253"/>
      <c r="P212" s="10" t="s">
        <v>396</v>
      </c>
      <c r="Q212" s="9" t="s">
        <v>398</v>
      </c>
      <c r="R212" s="10">
        <v>6</v>
      </c>
    </row>
    <row r="213" spans="1:18">
      <c r="A213">
        <v>96</v>
      </c>
      <c r="B213" s="1" t="s">
        <v>97</v>
      </c>
      <c r="C213" s="250" t="s">
        <v>172</v>
      </c>
      <c r="D213" s="250" t="s">
        <v>172</v>
      </c>
      <c r="E213" s="251" t="s">
        <v>172</v>
      </c>
      <c r="F213" s="251" t="s">
        <v>172</v>
      </c>
      <c r="G213" s="252" t="s">
        <v>172</v>
      </c>
      <c r="H213" s="252" t="s">
        <v>172</v>
      </c>
      <c r="I213" s="252" t="s">
        <v>172</v>
      </c>
      <c r="J213" s="252" t="s">
        <v>172</v>
      </c>
      <c r="K213" s="252" t="s">
        <v>172</v>
      </c>
      <c r="L213" s="252" t="s">
        <v>172</v>
      </c>
      <c r="M213" s="253" t="s">
        <v>172</v>
      </c>
      <c r="N213" s="253" t="s">
        <v>172</v>
      </c>
      <c r="O213" s="253" t="s">
        <v>172</v>
      </c>
      <c r="P213" s="10" t="s">
        <v>399</v>
      </c>
      <c r="Q213" s="10" t="s">
        <v>400</v>
      </c>
      <c r="R213" s="266">
        <v>92</v>
      </c>
    </row>
    <row r="214" spans="1:18">
      <c r="B214" s="1"/>
      <c r="C214" s="250"/>
      <c r="D214" s="250"/>
      <c r="E214" s="251"/>
      <c r="F214" s="251"/>
      <c r="G214" s="252"/>
      <c r="H214" s="252"/>
      <c r="I214" s="252"/>
      <c r="J214" s="252"/>
      <c r="K214" s="252"/>
      <c r="L214" s="252"/>
      <c r="M214" s="253"/>
      <c r="N214" s="253"/>
      <c r="O214" s="253"/>
      <c r="P214" s="10" t="s">
        <v>399</v>
      </c>
      <c r="Q214" s="9" t="s">
        <v>398</v>
      </c>
      <c r="R214" s="267"/>
    </row>
    <row r="215" spans="1:18">
      <c r="A215">
        <v>97</v>
      </c>
      <c r="B215" s="1" t="s">
        <v>98</v>
      </c>
      <c r="C215" s="250" t="s">
        <v>172</v>
      </c>
      <c r="D215" s="250" t="s">
        <v>172</v>
      </c>
      <c r="E215" s="251" t="s">
        <v>172</v>
      </c>
      <c r="F215" s="251" t="s">
        <v>172</v>
      </c>
      <c r="G215" s="252" t="s">
        <v>172</v>
      </c>
      <c r="H215" s="252" t="s">
        <v>172</v>
      </c>
      <c r="I215" s="252" t="s">
        <v>172</v>
      </c>
      <c r="J215" s="252" t="s">
        <v>172</v>
      </c>
      <c r="K215" s="252" t="s">
        <v>172</v>
      </c>
      <c r="L215" s="252" t="s">
        <v>172</v>
      </c>
      <c r="M215" s="253" t="s">
        <v>172</v>
      </c>
      <c r="N215" s="253" t="s">
        <v>172</v>
      </c>
      <c r="O215" s="253" t="s">
        <v>172</v>
      </c>
      <c r="P215" s="10" t="s">
        <v>401</v>
      </c>
      <c r="Q215" s="10" t="s">
        <v>402</v>
      </c>
      <c r="R215" s="266">
        <v>94</v>
      </c>
    </row>
    <row r="216" spans="1:18">
      <c r="B216" s="1"/>
      <c r="C216" s="250"/>
      <c r="D216" s="250"/>
      <c r="E216" s="251"/>
      <c r="F216" s="251"/>
      <c r="G216" s="252"/>
      <c r="H216" s="252"/>
      <c r="I216" s="252"/>
      <c r="J216" s="252"/>
      <c r="K216" s="252"/>
      <c r="L216" s="252"/>
      <c r="M216" s="253"/>
      <c r="N216" s="253"/>
      <c r="O216" s="253"/>
      <c r="P216" s="10" t="s">
        <v>401</v>
      </c>
      <c r="Q216" s="9" t="s">
        <v>398</v>
      </c>
      <c r="R216" s="267"/>
    </row>
    <row r="217" spans="1:18">
      <c r="A217">
        <v>98</v>
      </c>
      <c r="B217" s="1" t="s">
        <v>99</v>
      </c>
      <c r="C217" s="250" t="s">
        <v>172</v>
      </c>
      <c r="D217" s="250" t="s">
        <v>172</v>
      </c>
      <c r="E217" s="251" t="s">
        <v>172</v>
      </c>
      <c r="F217" s="251" t="s">
        <v>172</v>
      </c>
      <c r="G217" s="252" t="s">
        <v>172</v>
      </c>
      <c r="H217" s="252" t="s">
        <v>172</v>
      </c>
      <c r="I217" s="252" t="s">
        <v>172</v>
      </c>
      <c r="J217" s="252" t="s">
        <v>172</v>
      </c>
      <c r="K217" s="252" t="s">
        <v>172</v>
      </c>
      <c r="L217" s="252" t="s">
        <v>172</v>
      </c>
      <c r="M217" s="253" t="s">
        <v>172</v>
      </c>
      <c r="N217" s="253" t="s">
        <v>172</v>
      </c>
      <c r="O217" s="253" t="s">
        <v>172</v>
      </c>
      <c r="P217" s="10" t="s">
        <v>403</v>
      </c>
      <c r="Q217" s="10" t="s">
        <v>404</v>
      </c>
      <c r="R217" s="266">
        <v>96</v>
      </c>
    </row>
    <row r="218" spans="1:18">
      <c r="B218" s="1"/>
      <c r="C218" s="250"/>
      <c r="D218" s="250"/>
      <c r="E218" s="251"/>
      <c r="F218" s="251"/>
      <c r="G218" s="252"/>
      <c r="H218" s="252"/>
      <c r="I218" s="252"/>
      <c r="J218" s="252"/>
      <c r="K218" s="252"/>
      <c r="L218" s="252"/>
      <c r="M218" s="253"/>
      <c r="N218" s="253"/>
      <c r="O218" s="253"/>
      <c r="P218" s="10" t="s">
        <v>403</v>
      </c>
      <c r="Q218" s="9" t="s">
        <v>398</v>
      </c>
      <c r="R218" s="267"/>
    </row>
    <row r="219" spans="1:18">
      <c r="A219">
        <v>99</v>
      </c>
      <c r="B219" s="1" t="s">
        <v>100</v>
      </c>
      <c r="C219" s="250" t="s">
        <v>159</v>
      </c>
      <c r="D219" s="250" t="s">
        <v>159</v>
      </c>
      <c r="E219" s="251" t="s">
        <v>159</v>
      </c>
      <c r="F219" s="251" t="s">
        <v>159</v>
      </c>
      <c r="G219" s="252" t="s">
        <v>155</v>
      </c>
      <c r="H219" s="252" t="s">
        <v>155</v>
      </c>
      <c r="I219" s="252" t="s">
        <v>155</v>
      </c>
      <c r="J219" s="252" t="s">
        <v>155</v>
      </c>
      <c r="K219" s="252" t="s">
        <v>155</v>
      </c>
      <c r="L219" s="252" t="s">
        <v>155</v>
      </c>
      <c r="M219" s="253" t="s">
        <v>159</v>
      </c>
      <c r="N219" s="253" t="s">
        <v>159</v>
      </c>
      <c r="O219" s="253" t="s">
        <v>159</v>
      </c>
      <c r="P219" s="10" t="s">
        <v>405</v>
      </c>
      <c r="Q219" s="9" t="s">
        <v>406</v>
      </c>
      <c r="R219" s="9" t="s">
        <v>407</v>
      </c>
    </row>
    <row r="220" spans="1:18">
      <c r="B220" s="1"/>
      <c r="C220" s="250"/>
      <c r="D220" s="250"/>
      <c r="E220" s="251"/>
      <c r="F220" s="251"/>
      <c r="G220" s="252"/>
      <c r="H220" s="252"/>
      <c r="I220" s="252"/>
      <c r="J220" s="252"/>
      <c r="K220" s="252"/>
      <c r="L220" s="252"/>
      <c r="M220" s="253"/>
      <c r="N220" s="253"/>
      <c r="O220" s="253"/>
      <c r="P220" s="10" t="s">
        <v>405</v>
      </c>
      <c r="Q220" s="9" t="s">
        <v>408</v>
      </c>
      <c r="R220" s="10">
        <v>8</v>
      </c>
    </row>
    <row r="221" spans="1:18" s="45" customFormat="1">
      <c r="A221" s="45">
        <v>100</v>
      </c>
      <c r="B221" s="3" t="s">
        <v>101</v>
      </c>
      <c r="C221" s="133" t="s">
        <v>155</v>
      </c>
      <c r="D221" s="133" t="s">
        <v>155</v>
      </c>
      <c r="E221" s="28" t="s">
        <v>155</v>
      </c>
      <c r="F221" s="28" t="s">
        <v>155</v>
      </c>
      <c r="G221" s="152" t="s">
        <v>155</v>
      </c>
      <c r="H221" s="152" t="s">
        <v>155</v>
      </c>
      <c r="I221" s="152" t="s">
        <v>155</v>
      </c>
      <c r="J221" s="152" t="s">
        <v>155</v>
      </c>
      <c r="K221" s="152" t="s">
        <v>155</v>
      </c>
      <c r="L221" s="152" t="s">
        <v>155</v>
      </c>
      <c r="M221" s="169" t="s">
        <v>155</v>
      </c>
      <c r="N221" s="169" t="s">
        <v>155</v>
      </c>
      <c r="O221" s="169" t="s">
        <v>155</v>
      </c>
      <c r="P221" s="13" t="s">
        <v>409</v>
      </c>
      <c r="Q221" s="14" t="s">
        <v>410</v>
      </c>
      <c r="R221" s="13">
        <v>54</v>
      </c>
    </row>
    <row r="222" spans="1:18" s="45" customFormat="1">
      <c r="B222" s="3"/>
      <c r="C222" s="133" t="s">
        <v>155</v>
      </c>
      <c r="D222" s="133" t="s">
        <v>155</v>
      </c>
      <c r="E222" s="28" t="s">
        <v>155</v>
      </c>
      <c r="F222" s="28" t="s">
        <v>155</v>
      </c>
      <c r="G222" s="152" t="s">
        <v>155</v>
      </c>
      <c r="H222" s="152" t="s">
        <v>155</v>
      </c>
      <c r="I222" s="152" t="s">
        <v>155</v>
      </c>
      <c r="J222" s="152" t="s">
        <v>155</v>
      </c>
      <c r="K222" s="152" t="s">
        <v>155</v>
      </c>
      <c r="L222" s="152" t="s">
        <v>155</v>
      </c>
      <c r="M222" s="169" t="s">
        <v>155</v>
      </c>
      <c r="N222" s="169" t="s">
        <v>155</v>
      </c>
      <c r="O222" s="169" t="s">
        <v>155</v>
      </c>
      <c r="P222" s="13" t="s">
        <v>687</v>
      </c>
      <c r="Q222" s="14" t="s">
        <v>689</v>
      </c>
      <c r="R222" s="13">
        <v>54</v>
      </c>
    </row>
    <row r="223" spans="1:18">
      <c r="A223">
        <v>101</v>
      </c>
      <c r="B223" s="1" t="s">
        <v>102</v>
      </c>
      <c r="C223" s="250" t="s">
        <v>172</v>
      </c>
      <c r="D223" s="250" t="s">
        <v>172</v>
      </c>
      <c r="E223" s="251" t="s">
        <v>172</v>
      </c>
      <c r="F223" s="251" t="s">
        <v>172</v>
      </c>
      <c r="G223" s="252" t="s">
        <v>172</v>
      </c>
      <c r="H223" s="252" t="s">
        <v>172</v>
      </c>
      <c r="I223" s="252" t="s">
        <v>172</v>
      </c>
      <c r="J223" s="252" t="s">
        <v>172</v>
      </c>
      <c r="K223" s="252" t="s">
        <v>172</v>
      </c>
      <c r="L223" s="252" t="s">
        <v>172</v>
      </c>
      <c r="M223" s="253" t="s">
        <v>172</v>
      </c>
      <c r="N223" s="253" t="s">
        <v>172</v>
      </c>
      <c r="O223" s="253" t="s">
        <v>172</v>
      </c>
      <c r="P223" s="13" t="s">
        <v>411</v>
      </c>
      <c r="Q223" s="14" t="s">
        <v>412</v>
      </c>
      <c r="R223" s="13">
        <v>1</v>
      </c>
    </row>
    <row r="224" spans="1:18">
      <c r="B224" s="1"/>
      <c r="C224" s="250"/>
      <c r="D224" s="250"/>
      <c r="E224" s="251"/>
      <c r="F224" s="251"/>
      <c r="G224" s="252"/>
      <c r="H224" s="252"/>
      <c r="I224" s="252"/>
      <c r="J224" s="252"/>
      <c r="K224" s="252"/>
      <c r="L224" s="252"/>
      <c r="M224" s="253"/>
      <c r="N224" s="253"/>
      <c r="O224" s="253"/>
      <c r="P224" s="13" t="s">
        <v>411</v>
      </c>
      <c r="Q224" s="14" t="s">
        <v>413</v>
      </c>
      <c r="R224" s="13">
        <v>2</v>
      </c>
    </row>
    <row r="225" spans="1:18" ht="17.25" customHeight="1">
      <c r="B225" s="3"/>
      <c r="C225" s="250"/>
      <c r="D225" s="250"/>
      <c r="E225" s="251"/>
      <c r="F225" s="251"/>
      <c r="G225" s="252"/>
      <c r="H225" s="252"/>
      <c r="I225" s="252"/>
      <c r="J225" s="252"/>
      <c r="K225" s="252"/>
      <c r="L225" s="252"/>
      <c r="M225" s="253"/>
      <c r="N225" s="253"/>
      <c r="O225" s="253"/>
      <c r="P225" s="13" t="s">
        <v>411</v>
      </c>
      <c r="Q225" s="14" t="s">
        <v>414</v>
      </c>
      <c r="R225" s="13">
        <v>3</v>
      </c>
    </row>
    <row r="226" spans="1:18">
      <c r="A226">
        <v>102</v>
      </c>
      <c r="B226" s="3" t="s">
        <v>103</v>
      </c>
      <c r="C226" s="130" t="s">
        <v>155</v>
      </c>
      <c r="D226" s="130" t="s">
        <v>155</v>
      </c>
      <c r="E226" s="28" t="s">
        <v>155</v>
      </c>
      <c r="F226" s="28" t="s">
        <v>155</v>
      </c>
      <c r="G226" s="149" t="s">
        <v>155</v>
      </c>
      <c r="H226" s="149" t="s">
        <v>155</v>
      </c>
      <c r="I226" s="149" t="s">
        <v>155</v>
      </c>
      <c r="J226" s="149" t="s">
        <v>155</v>
      </c>
      <c r="K226" s="149" t="s">
        <v>155</v>
      </c>
      <c r="L226" s="149" t="s">
        <v>155</v>
      </c>
      <c r="M226" s="166" t="s">
        <v>155</v>
      </c>
      <c r="N226" s="166" t="s">
        <v>155</v>
      </c>
      <c r="O226" s="166" t="s">
        <v>155</v>
      </c>
      <c r="P226" s="13" t="s">
        <v>902</v>
      </c>
      <c r="Q226" s="14" t="s">
        <v>415</v>
      </c>
      <c r="R226" s="13">
        <v>2</v>
      </c>
    </row>
    <row r="227" spans="1:18">
      <c r="A227">
        <v>103</v>
      </c>
      <c r="B227" s="3" t="s">
        <v>104</v>
      </c>
      <c r="C227" s="130" t="s">
        <v>172</v>
      </c>
      <c r="D227" s="130" t="s">
        <v>172</v>
      </c>
      <c r="E227" s="28" t="s">
        <v>172</v>
      </c>
      <c r="F227" s="28" t="s">
        <v>172</v>
      </c>
      <c r="G227" s="149" t="s">
        <v>172</v>
      </c>
      <c r="H227" s="149" t="s">
        <v>172</v>
      </c>
      <c r="I227" s="149" t="s">
        <v>172</v>
      </c>
      <c r="J227" s="149" t="s">
        <v>172</v>
      </c>
      <c r="K227" s="149" t="s">
        <v>172</v>
      </c>
      <c r="L227" s="149" t="s">
        <v>172</v>
      </c>
      <c r="M227" s="166" t="s">
        <v>172</v>
      </c>
      <c r="N227" s="166" t="s">
        <v>172</v>
      </c>
      <c r="O227" s="166" t="s">
        <v>172</v>
      </c>
      <c r="P227" s="13" t="s">
        <v>901</v>
      </c>
      <c r="Q227" s="14" t="s">
        <v>416</v>
      </c>
      <c r="R227" s="13">
        <v>1</v>
      </c>
    </row>
    <row r="228" spans="1:18">
      <c r="A228">
        <v>104</v>
      </c>
      <c r="B228" s="3" t="s">
        <v>105</v>
      </c>
      <c r="C228" s="250" t="s">
        <v>172</v>
      </c>
      <c r="D228" s="250" t="s">
        <v>172</v>
      </c>
      <c r="E228" s="251" t="s">
        <v>172</v>
      </c>
      <c r="F228" s="251" t="s">
        <v>172</v>
      </c>
      <c r="G228" s="252" t="s">
        <v>172</v>
      </c>
      <c r="H228" s="252" t="s">
        <v>172</v>
      </c>
      <c r="I228" s="252" t="s">
        <v>172</v>
      </c>
      <c r="J228" s="252" t="s">
        <v>172</v>
      </c>
      <c r="K228" s="252" t="s">
        <v>172</v>
      </c>
      <c r="L228" s="252" t="s">
        <v>172</v>
      </c>
      <c r="M228" s="253" t="s">
        <v>172</v>
      </c>
      <c r="N228" s="253" t="s">
        <v>172</v>
      </c>
      <c r="O228" s="253" t="s">
        <v>172</v>
      </c>
      <c r="P228" s="10" t="s">
        <v>417</v>
      </c>
      <c r="Q228" s="9" t="s">
        <v>418</v>
      </c>
      <c r="R228" s="10">
        <v>5</v>
      </c>
    </row>
    <row r="229" spans="1:18">
      <c r="B229" s="3"/>
      <c r="C229" s="250"/>
      <c r="D229" s="250"/>
      <c r="E229" s="251"/>
      <c r="F229" s="251"/>
      <c r="G229" s="252"/>
      <c r="H229" s="252"/>
      <c r="I229" s="252"/>
      <c r="J229" s="252"/>
      <c r="K229" s="252"/>
      <c r="L229" s="252"/>
      <c r="M229" s="253"/>
      <c r="N229" s="253"/>
      <c r="O229" s="253"/>
      <c r="P229" s="10" t="s">
        <v>417</v>
      </c>
      <c r="Q229" s="9" t="s">
        <v>202</v>
      </c>
      <c r="R229" s="10">
        <v>1</v>
      </c>
    </row>
    <row r="230" spans="1:18">
      <c r="B230" s="3"/>
      <c r="C230" s="250"/>
      <c r="D230" s="250"/>
      <c r="E230" s="251"/>
      <c r="F230" s="251"/>
      <c r="G230" s="252"/>
      <c r="H230" s="252"/>
      <c r="I230" s="252"/>
      <c r="J230" s="252"/>
      <c r="K230" s="252"/>
      <c r="L230" s="252"/>
      <c r="M230" s="253"/>
      <c r="N230" s="253"/>
      <c r="O230" s="253"/>
      <c r="P230" s="10" t="s">
        <v>417</v>
      </c>
      <c r="Q230" s="9" t="s">
        <v>203</v>
      </c>
      <c r="R230" s="10">
        <v>2</v>
      </c>
    </row>
    <row r="231" spans="1:18">
      <c r="B231" s="3"/>
      <c r="C231" s="250"/>
      <c r="D231" s="250"/>
      <c r="E231" s="251"/>
      <c r="F231" s="251"/>
      <c r="G231" s="252"/>
      <c r="H231" s="252"/>
      <c r="I231" s="252"/>
      <c r="J231" s="252"/>
      <c r="K231" s="252"/>
      <c r="L231" s="252"/>
      <c r="M231" s="253"/>
      <c r="N231" s="253"/>
      <c r="O231" s="253"/>
      <c r="P231" s="10" t="s">
        <v>417</v>
      </c>
      <c r="Q231" s="9" t="s">
        <v>251</v>
      </c>
      <c r="R231" s="10">
        <v>3</v>
      </c>
    </row>
    <row r="232" spans="1:18">
      <c r="B232" s="3"/>
      <c r="C232" s="250"/>
      <c r="D232" s="250"/>
      <c r="E232" s="251"/>
      <c r="F232" s="251"/>
      <c r="G232" s="252"/>
      <c r="H232" s="252"/>
      <c r="I232" s="252"/>
      <c r="J232" s="252"/>
      <c r="K232" s="252"/>
      <c r="L232" s="252"/>
      <c r="M232" s="253"/>
      <c r="N232" s="253"/>
      <c r="O232" s="253"/>
      <c r="P232" s="10" t="s">
        <v>417</v>
      </c>
      <c r="Q232" s="9" t="s">
        <v>419</v>
      </c>
      <c r="R232" s="10">
        <v>4</v>
      </c>
    </row>
    <row r="233" spans="1:18">
      <c r="B233" s="3" t="s">
        <v>106</v>
      </c>
      <c r="C233" s="250"/>
      <c r="D233" s="250"/>
      <c r="E233" s="251"/>
      <c r="F233" s="251"/>
      <c r="G233" s="252"/>
      <c r="H233" s="252"/>
      <c r="I233" s="252"/>
      <c r="J233" s="252"/>
      <c r="K233" s="252"/>
      <c r="L233" s="252"/>
      <c r="M233" s="253"/>
      <c r="N233" s="253"/>
      <c r="O233" s="253"/>
      <c r="P233" s="22" t="s">
        <v>420</v>
      </c>
      <c r="Q233" s="22" t="s">
        <v>421</v>
      </c>
      <c r="R233" s="22">
        <v>249</v>
      </c>
    </row>
    <row r="234" spans="1:18">
      <c r="A234">
        <v>105</v>
      </c>
      <c r="B234" s="3" t="s">
        <v>107</v>
      </c>
      <c r="C234" s="250" t="s">
        <v>422</v>
      </c>
      <c r="D234" s="250" t="s">
        <v>422</v>
      </c>
      <c r="E234" s="251" t="s">
        <v>422</v>
      </c>
      <c r="F234" s="251" t="s">
        <v>422</v>
      </c>
      <c r="G234" s="252" t="s">
        <v>422</v>
      </c>
      <c r="H234" s="252" t="s">
        <v>422</v>
      </c>
      <c r="I234" s="252" t="s">
        <v>422</v>
      </c>
      <c r="J234" s="252" t="s">
        <v>422</v>
      </c>
      <c r="K234" s="252" t="s">
        <v>422</v>
      </c>
      <c r="L234" s="252" t="s">
        <v>422</v>
      </c>
      <c r="M234" s="253" t="s">
        <v>422</v>
      </c>
      <c r="N234" s="253" t="s">
        <v>422</v>
      </c>
      <c r="O234" s="253" t="s">
        <v>422</v>
      </c>
      <c r="P234" s="13" t="s">
        <v>423</v>
      </c>
      <c r="Q234" s="14" t="s">
        <v>424</v>
      </c>
      <c r="R234" s="13">
        <v>7</v>
      </c>
    </row>
    <row r="235" spans="1:18">
      <c r="B235" s="3"/>
      <c r="C235" s="250"/>
      <c r="D235" s="250"/>
      <c r="E235" s="251"/>
      <c r="F235" s="251"/>
      <c r="G235" s="252"/>
      <c r="H235" s="252"/>
      <c r="I235" s="252"/>
      <c r="J235" s="252"/>
      <c r="K235" s="252"/>
      <c r="L235" s="252"/>
      <c r="M235" s="253"/>
      <c r="N235" s="253"/>
      <c r="O235" s="253"/>
      <c r="P235" s="13" t="s">
        <v>423</v>
      </c>
      <c r="Q235" s="14" t="s">
        <v>251</v>
      </c>
      <c r="R235" s="13">
        <v>7</v>
      </c>
    </row>
    <row r="236" spans="1:18">
      <c r="B236" s="3"/>
      <c r="C236" s="250"/>
      <c r="D236" s="250"/>
      <c r="E236" s="251"/>
      <c r="F236" s="251"/>
      <c r="G236" s="252"/>
      <c r="H236" s="252"/>
      <c r="I236" s="252"/>
      <c r="J236" s="252"/>
      <c r="K236" s="252"/>
      <c r="L236" s="252"/>
      <c r="M236" s="253"/>
      <c r="N236" s="253"/>
      <c r="O236" s="253"/>
      <c r="P236" s="13" t="s">
        <v>425</v>
      </c>
      <c r="Q236" s="14" t="s">
        <v>426</v>
      </c>
      <c r="R236" s="13">
        <v>7</v>
      </c>
    </row>
    <row r="237" spans="1:18">
      <c r="B237" s="3"/>
      <c r="C237" s="250"/>
      <c r="D237" s="250"/>
      <c r="E237" s="251"/>
      <c r="F237" s="251"/>
      <c r="G237" s="252"/>
      <c r="H237" s="252"/>
      <c r="I237" s="252"/>
      <c r="J237" s="252"/>
      <c r="K237" s="252"/>
      <c r="L237" s="252"/>
      <c r="M237" s="253"/>
      <c r="N237" s="253"/>
      <c r="O237" s="253"/>
      <c r="P237" s="13" t="s">
        <v>427</v>
      </c>
      <c r="Q237" s="14" t="s">
        <v>428</v>
      </c>
      <c r="R237" s="13">
        <v>7</v>
      </c>
    </row>
    <row r="238" spans="1:18" ht="29">
      <c r="A238">
        <v>106</v>
      </c>
      <c r="B238" s="3" t="s">
        <v>108</v>
      </c>
      <c r="C238" s="134" t="s">
        <v>429</v>
      </c>
      <c r="D238" s="134" t="s">
        <v>429</v>
      </c>
      <c r="E238" s="30" t="s">
        <v>429</v>
      </c>
      <c r="F238" s="30" t="s">
        <v>429</v>
      </c>
      <c r="G238" s="153" t="s">
        <v>429</v>
      </c>
      <c r="H238" s="153" t="s">
        <v>429</v>
      </c>
      <c r="I238" s="153" t="s">
        <v>429</v>
      </c>
      <c r="J238" s="153" t="s">
        <v>429</v>
      </c>
      <c r="K238" s="153" t="s">
        <v>429</v>
      </c>
      <c r="L238" s="153" t="s">
        <v>429</v>
      </c>
      <c r="M238" s="170" t="s">
        <v>429</v>
      </c>
      <c r="N238" s="170" t="s">
        <v>429</v>
      </c>
      <c r="O238" s="170" t="s">
        <v>429</v>
      </c>
      <c r="P238" s="13" t="s">
        <v>430</v>
      </c>
      <c r="Q238" s="14" t="s">
        <v>431</v>
      </c>
      <c r="R238" s="13">
        <v>7</v>
      </c>
    </row>
    <row r="239" spans="1:18">
      <c r="A239">
        <v>107</v>
      </c>
      <c r="B239" s="3" t="s">
        <v>109</v>
      </c>
      <c r="C239" s="130" t="s">
        <v>155</v>
      </c>
      <c r="D239" s="130" t="s">
        <v>155</v>
      </c>
      <c r="E239" s="28" t="s">
        <v>155</v>
      </c>
      <c r="F239" s="28" t="s">
        <v>155</v>
      </c>
      <c r="G239" s="149" t="s">
        <v>155</v>
      </c>
      <c r="H239" s="149" t="s">
        <v>155</v>
      </c>
      <c r="I239" s="149" t="s">
        <v>155</v>
      </c>
      <c r="J239" s="149" t="s">
        <v>155</v>
      </c>
      <c r="K239" s="149" t="s">
        <v>155</v>
      </c>
      <c r="L239" s="149" t="s">
        <v>155</v>
      </c>
      <c r="M239" s="166" t="s">
        <v>155</v>
      </c>
      <c r="N239" s="166" t="s">
        <v>155</v>
      </c>
      <c r="O239" s="166" t="s">
        <v>155</v>
      </c>
      <c r="P239" s="13" t="s">
        <v>450</v>
      </c>
      <c r="Q239" s="13" t="s">
        <v>448</v>
      </c>
      <c r="R239" s="13">
        <v>254</v>
      </c>
    </row>
    <row r="240" spans="1:18">
      <c r="B240" s="3"/>
      <c r="C240" s="130" t="s">
        <v>172</v>
      </c>
      <c r="D240" s="130" t="s">
        <v>172</v>
      </c>
      <c r="E240" s="28" t="s">
        <v>172</v>
      </c>
      <c r="F240" s="28" t="s">
        <v>172</v>
      </c>
      <c r="G240" s="149" t="s">
        <v>172</v>
      </c>
      <c r="H240" s="149" t="s">
        <v>172</v>
      </c>
      <c r="I240" s="149" t="s">
        <v>172</v>
      </c>
      <c r="J240" s="149" t="s">
        <v>172</v>
      </c>
      <c r="K240" s="149" t="s">
        <v>172</v>
      </c>
      <c r="L240" s="149" t="s">
        <v>172</v>
      </c>
      <c r="M240" s="166" t="s">
        <v>172</v>
      </c>
      <c r="N240" s="166" t="s">
        <v>172</v>
      </c>
      <c r="O240" s="166" t="s">
        <v>172</v>
      </c>
      <c r="P240" s="13" t="s">
        <v>450</v>
      </c>
      <c r="Q240" s="13" t="s">
        <v>449</v>
      </c>
      <c r="R240" s="13">
        <v>255</v>
      </c>
    </row>
    <row r="241" spans="1:18">
      <c r="A241">
        <v>108</v>
      </c>
      <c r="B241" s="86" t="s">
        <v>110</v>
      </c>
      <c r="C241" s="260" t="s">
        <v>172</v>
      </c>
      <c r="D241" s="260" t="s">
        <v>172</v>
      </c>
      <c r="E241" s="263" t="s">
        <v>172</v>
      </c>
      <c r="F241" s="263" t="s">
        <v>172</v>
      </c>
      <c r="G241" s="257" t="s">
        <v>159</v>
      </c>
      <c r="H241" s="257" t="s">
        <v>159</v>
      </c>
      <c r="I241" s="257" t="s">
        <v>159</v>
      </c>
      <c r="J241" s="257" t="s">
        <v>159</v>
      </c>
      <c r="K241" s="257" t="s">
        <v>159</v>
      </c>
      <c r="L241" s="257" t="s">
        <v>159</v>
      </c>
      <c r="M241" s="254" t="s">
        <v>172</v>
      </c>
      <c r="N241" s="254" t="s">
        <v>172</v>
      </c>
      <c r="O241" s="254" t="s">
        <v>172</v>
      </c>
      <c r="P241" s="89" t="s">
        <v>223</v>
      </c>
      <c r="Q241" s="89" t="s">
        <v>904</v>
      </c>
      <c r="R241" s="89">
        <v>1</v>
      </c>
    </row>
    <row r="242" spans="1:18">
      <c r="B242" s="3"/>
      <c r="C242" s="261"/>
      <c r="D242" s="261"/>
      <c r="E242" s="264"/>
      <c r="F242" s="264"/>
      <c r="G242" s="258"/>
      <c r="H242" s="258"/>
      <c r="I242" s="258"/>
      <c r="J242" s="258"/>
      <c r="K242" s="258"/>
      <c r="L242" s="258"/>
      <c r="M242" s="255"/>
      <c r="N242" s="255"/>
      <c r="O242" s="255"/>
      <c r="P242" s="13" t="s">
        <v>432</v>
      </c>
      <c r="Q242" s="13" t="s">
        <v>433</v>
      </c>
      <c r="R242" s="13">
        <v>254</v>
      </c>
    </row>
    <row r="243" spans="1:18">
      <c r="B243" s="3"/>
      <c r="C243" s="261"/>
      <c r="D243" s="261"/>
      <c r="E243" s="264"/>
      <c r="F243" s="264"/>
      <c r="G243" s="258"/>
      <c r="H243" s="258"/>
      <c r="I243" s="258"/>
      <c r="J243" s="258"/>
      <c r="K243" s="258"/>
      <c r="L243" s="258"/>
      <c r="M243" s="255"/>
      <c r="N243" s="255"/>
      <c r="O243" s="255"/>
      <c r="P243" s="13" t="s">
        <v>434</v>
      </c>
      <c r="Q243" s="13" t="s">
        <v>435</v>
      </c>
      <c r="R243" s="13">
        <v>253</v>
      </c>
    </row>
    <row r="244" spans="1:18">
      <c r="B244" s="3"/>
      <c r="C244" s="261"/>
      <c r="D244" s="261"/>
      <c r="E244" s="264"/>
      <c r="F244" s="264"/>
      <c r="G244" s="258"/>
      <c r="H244" s="258"/>
      <c r="I244" s="258"/>
      <c r="J244" s="258"/>
      <c r="K244" s="258"/>
      <c r="L244" s="258"/>
      <c r="M244" s="255"/>
      <c r="N244" s="255"/>
      <c r="O244" s="255"/>
      <c r="P244" s="13" t="s">
        <v>436</v>
      </c>
      <c r="Q244" s="13" t="s">
        <v>437</v>
      </c>
      <c r="R244" s="13">
        <v>254</v>
      </c>
    </row>
    <row r="245" spans="1:18">
      <c r="B245" s="3"/>
      <c r="C245" s="261"/>
      <c r="D245" s="261"/>
      <c r="E245" s="264"/>
      <c r="F245" s="264"/>
      <c r="G245" s="258"/>
      <c r="H245" s="258"/>
      <c r="I245" s="258"/>
      <c r="J245" s="258"/>
      <c r="K245" s="258"/>
      <c r="L245" s="258"/>
      <c r="M245" s="255"/>
      <c r="N245" s="255"/>
      <c r="O245" s="255"/>
      <c r="P245" s="13" t="s">
        <v>438</v>
      </c>
      <c r="Q245" s="13" t="s">
        <v>439</v>
      </c>
      <c r="R245" s="13">
        <v>252</v>
      </c>
    </row>
    <row r="246" spans="1:18">
      <c r="B246" s="3"/>
      <c r="C246" s="261"/>
      <c r="D246" s="261"/>
      <c r="E246" s="264"/>
      <c r="F246" s="264"/>
      <c r="G246" s="258"/>
      <c r="H246" s="258"/>
      <c r="I246" s="258"/>
      <c r="J246" s="258"/>
      <c r="K246" s="258"/>
      <c r="L246" s="258"/>
      <c r="M246" s="255"/>
      <c r="N246" s="255"/>
      <c r="O246" s="255"/>
      <c r="P246" s="13" t="s">
        <v>440</v>
      </c>
      <c r="Q246" s="13" t="s">
        <v>441</v>
      </c>
      <c r="R246" s="13">
        <v>252</v>
      </c>
    </row>
    <row r="247" spans="1:18">
      <c r="B247" s="3"/>
      <c r="C247" s="261"/>
      <c r="D247" s="261"/>
      <c r="E247" s="264"/>
      <c r="F247" s="264"/>
      <c r="G247" s="258"/>
      <c r="H247" s="258"/>
      <c r="I247" s="258"/>
      <c r="J247" s="258"/>
      <c r="K247" s="258"/>
      <c r="L247" s="258"/>
      <c r="M247" s="255"/>
      <c r="N247" s="255"/>
      <c r="O247" s="255"/>
      <c r="P247" s="13" t="s">
        <v>442</v>
      </c>
      <c r="Q247" s="13" t="s">
        <v>443</v>
      </c>
      <c r="R247" s="13">
        <v>252</v>
      </c>
    </row>
    <row r="248" spans="1:18">
      <c r="B248" s="3"/>
      <c r="C248" s="261"/>
      <c r="D248" s="261"/>
      <c r="E248" s="264"/>
      <c r="F248" s="264"/>
      <c r="G248" s="258"/>
      <c r="H248" s="258"/>
      <c r="I248" s="258"/>
      <c r="J248" s="258"/>
      <c r="K248" s="258"/>
      <c r="L248" s="258"/>
      <c r="M248" s="255"/>
      <c r="N248" s="255"/>
      <c r="O248" s="255"/>
      <c r="P248" s="13" t="s">
        <v>444</v>
      </c>
      <c r="Q248" s="13" t="s">
        <v>445</v>
      </c>
      <c r="R248" s="13">
        <v>251</v>
      </c>
    </row>
    <row r="249" spans="1:18">
      <c r="B249" s="3"/>
      <c r="C249" s="262"/>
      <c r="D249" s="262"/>
      <c r="E249" s="265"/>
      <c r="F249" s="265"/>
      <c r="G249" s="259"/>
      <c r="H249" s="259"/>
      <c r="I249" s="259"/>
      <c r="J249" s="259"/>
      <c r="K249" s="259"/>
      <c r="L249" s="259"/>
      <c r="M249" s="256"/>
      <c r="N249" s="256"/>
      <c r="O249" s="256"/>
      <c r="P249" s="13" t="s">
        <v>446</v>
      </c>
      <c r="Q249" s="13" t="s">
        <v>447</v>
      </c>
      <c r="R249" s="13">
        <v>250</v>
      </c>
    </row>
    <row r="250" spans="1:18">
      <c r="A250">
        <v>109</v>
      </c>
      <c r="B250" s="86" t="s">
        <v>451</v>
      </c>
      <c r="C250" s="250" t="s">
        <v>172</v>
      </c>
      <c r="D250" s="250" t="s">
        <v>172</v>
      </c>
      <c r="E250" s="251" t="s">
        <v>172</v>
      </c>
      <c r="F250" s="251" t="s">
        <v>172</v>
      </c>
      <c r="G250" s="252" t="s">
        <v>172</v>
      </c>
      <c r="H250" s="252" t="s">
        <v>172</v>
      </c>
      <c r="I250" s="252" t="s">
        <v>172</v>
      </c>
      <c r="J250" s="252" t="s">
        <v>172</v>
      </c>
      <c r="K250" s="252" t="s">
        <v>172</v>
      </c>
      <c r="L250" s="252" t="s">
        <v>172</v>
      </c>
      <c r="M250" s="253" t="s">
        <v>172</v>
      </c>
      <c r="N250" s="253" t="s">
        <v>172</v>
      </c>
      <c r="O250" s="253" t="s">
        <v>172</v>
      </c>
      <c r="P250" s="89" t="s">
        <v>223</v>
      </c>
      <c r="Q250" s="89" t="s">
        <v>922</v>
      </c>
      <c r="R250" s="89">
        <v>1</v>
      </c>
    </row>
    <row r="251" spans="1:18">
      <c r="B251" s="86" t="s">
        <v>452</v>
      </c>
      <c r="C251" s="250"/>
      <c r="D251" s="250"/>
      <c r="E251" s="251"/>
      <c r="F251" s="251"/>
      <c r="G251" s="252"/>
      <c r="H251" s="252"/>
      <c r="I251" s="252"/>
      <c r="J251" s="252"/>
      <c r="K251" s="252"/>
      <c r="L251" s="252"/>
      <c r="M251" s="253"/>
      <c r="N251" s="253"/>
      <c r="O251" s="253"/>
      <c r="P251" s="89" t="s">
        <v>223</v>
      </c>
      <c r="Q251" s="89" t="s">
        <v>924</v>
      </c>
      <c r="R251" s="89">
        <v>1</v>
      </c>
    </row>
    <row r="252" spans="1:18">
      <c r="B252" s="86" t="s">
        <v>453</v>
      </c>
      <c r="C252" s="250"/>
      <c r="D252" s="250"/>
      <c r="E252" s="251"/>
      <c r="F252" s="251"/>
      <c r="G252" s="252"/>
      <c r="H252" s="252"/>
      <c r="I252" s="252"/>
      <c r="J252" s="252"/>
      <c r="K252" s="252"/>
      <c r="L252" s="252"/>
      <c r="M252" s="253"/>
      <c r="N252" s="253"/>
      <c r="O252" s="253"/>
      <c r="P252" s="89" t="s">
        <v>223</v>
      </c>
      <c r="Q252" s="89" t="s">
        <v>923</v>
      </c>
      <c r="R252" s="89">
        <v>1</v>
      </c>
    </row>
    <row r="253" spans="1:18">
      <c r="A253">
        <v>110</v>
      </c>
      <c r="B253" s="3" t="s">
        <v>111</v>
      </c>
      <c r="C253" s="130" t="s">
        <v>155</v>
      </c>
      <c r="D253" s="130" t="s">
        <v>155</v>
      </c>
      <c r="E253" s="251" t="s">
        <v>159</v>
      </c>
      <c r="F253" s="251" t="s">
        <v>159</v>
      </c>
      <c r="G253" s="252" t="s">
        <v>159</v>
      </c>
      <c r="H253" s="252" t="s">
        <v>159</v>
      </c>
      <c r="I253" s="252" t="s">
        <v>159</v>
      </c>
      <c r="J253" s="252" t="s">
        <v>159</v>
      </c>
      <c r="K253" s="252" t="s">
        <v>159</v>
      </c>
      <c r="L253" s="252" t="s">
        <v>159</v>
      </c>
      <c r="M253" s="253" t="s">
        <v>159</v>
      </c>
      <c r="N253" s="253" t="s">
        <v>159</v>
      </c>
      <c r="O253" s="253" t="s">
        <v>159</v>
      </c>
      <c r="P253" s="13" t="s">
        <v>454</v>
      </c>
      <c r="Q253" s="14" t="s">
        <v>455</v>
      </c>
      <c r="R253" s="13">
        <v>234</v>
      </c>
    </row>
    <row r="254" spans="1:18">
      <c r="B254" s="3"/>
      <c r="C254" s="130" t="s">
        <v>172</v>
      </c>
      <c r="D254" s="130" t="s">
        <v>172</v>
      </c>
      <c r="E254" s="251"/>
      <c r="F254" s="251"/>
      <c r="G254" s="252"/>
      <c r="H254" s="252"/>
      <c r="I254" s="252"/>
      <c r="J254" s="252"/>
      <c r="K254" s="252"/>
      <c r="L254" s="252"/>
      <c r="M254" s="253"/>
      <c r="N254" s="253"/>
      <c r="O254" s="253"/>
      <c r="P254" s="89" t="s">
        <v>1012</v>
      </c>
      <c r="Q254" s="14" t="s">
        <v>456</v>
      </c>
      <c r="R254" s="13">
        <v>234</v>
      </c>
    </row>
    <row r="255" spans="1:18">
      <c r="A255">
        <v>111</v>
      </c>
      <c r="B255" s="3" t="s">
        <v>112</v>
      </c>
      <c r="C255" s="130" t="s">
        <v>155</v>
      </c>
      <c r="D255" s="130" t="s">
        <v>155</v>
      </c>
      <c r="E255" s="28" t="s">
        <v>155</v>
      </c>
      <c r="F255" s="28" t="s">
        <v>155</v>
      </c>
      <c r="G255" s="149" t="s">
        <v>155</v>
      </c>
      <c r="H255" s="149" t="s">
        <v>155</v>
      </c>
      <c r="I255" s="149" t="s">
        <v>155</v>
      </c>
      <c r="J255" s="149" t="s">
        <v>155</v>
      </c>
      <c r="K255" s="149" t="s">
        <v>155</v>
      </c>
      <c r="L255" s="149" t="s">
        <v>155</v>
      </c>
      <c r="M255" s="166" t="s">
        <v>155</v>
      </c>
      <c r="N255" s="166" t="s">
        <v>155</v>
      </c>
      <c r="O255" s="166" t="s">
        <v>155</v>
      </c>
      <c r="P255" s="13" t="s">
        <v>457</v>
      </c>
      <c r="Q255" s="13" t="s">
        <v>458</v>
      </c>
      <c r="R255" s="13">
        <v>1</v>
      </c>
    </row>
    <row r="256" spans="1:18">
      <c r="A256">
        <v>112</v>
      </c>
      <c r="B256" s="3" t="s">
        <v>497</v>
      </c>
      <c r="C256" s="130" t="s">
        <v>172</v>
      </c>
      <c r="D256" s="130" t="s">
        <v>172</v>
      </c>
      <c r="E256" s="28" t="s">
        <v>172</v>
      </c>
      <c r="F256" s="28" t="s">
        <v>172</v>
      </c>
      <c r="G256" s="158" t="s">
        <v>159</v>
      </c>
      <c r="H256" s="158" t="s">
        <v>159</v>
      </c>
      <c r="I256" s="158" t="s">
        <v>159</v>
      </c>
      <c r="J256" s="158" t="s">
        <v>159</v>
      </c>
      <c r="K256" s="158" t="s">
        <v>159</v>
      </c>
      <c r="L256" s="158" t="s">
        <v>159</v>
      </c>
      <c r="M256" s="175" t="s">
        <v>159</v>
      </c>
      <c r="N256" s="175" t="s">
        <v>159</v>
      </c>
      <c r="O256" s="175" t="s">
        <v>159</v>
      </c>
      <c r="P256" s="13" t="s">
        <v>664</v>
      </c>
      <c r="Q256" s="10" t="s">
        <v>499</v>
      </c>
      <c r="R256" s="13">
        <v>13</v>
      </c>
    </row>
    <row r="257" spans="1:18">
      <c r="B257" s="3" t="s">
        <v>501</v>
      </c>
      <c r="C257" s="130" t="s">
        <v>172</v>
      </c>
      <c r="D257" s="130" t="s">
        <v>172</v>
      </c>
      <c r="E257" s="28" t="s">
        <v>172</v>
      </c>
      <c r="F257" s="28" t="s">
        <v>172</v>
      </c>
      <c r="G257" s="158" t="s">
        <v>159</v>
      </c>
      <c r="H257" s="158" t="s">
        <v>159</v>
      </c>
      <c r="I257" s="158" t="s">
        <v>159</v>
      </c>
      <c r="J257" s="158" t="s">
        <v>159</v>
      </c>
      <c r="K257" s="158" t="s">
        <v>159</v>
      </c>
      <c r="L257" s="158" t="s">
        <v>159</v>
      </c>
      <c r="M257" s="175" t="s">
        <v>159</v>
      </c>
      <c r="N257" s="175" t="s">
        <v>159</v>
      </c>
      <c r="O257" s="175" t="s">
        <v>159</v>
      </c>
      <c r="P257" s="13" t="s">
        <v>665</v>
      </c>
      <c r="Q257" s="10" t="s">
        <v>502</v>
      </c>
      <c r="R257" s="13">
        <v>13</v>
      </c>
    </row>
    <row r="258" spans="1:18">
      <c r="B258" s="3" t="s">
        <v>503</v>
      </c>
      <c r="C258" s="130" t="s">
        <v>172</v>
      </c>
      <c r="D258" s="130" t="s">
        <v>172</v>
      </c>
      <c r="E258" s="28" t="s">
        <v>172</v>
      </c>
      <c r="F258" s="28" t="s">
        <v>172</v>
      </c>
      <c r="G258" s="158" t="s">
        <v>159</v>
      </c>
      <c r="H258" s="158" t="s">
        <v>159</v>
      </c>
      <c r="I258" s="158" t="s">
        <v>159</v>
      </c>
      <c r="J258" s="158" t="s">
        <v>159</v>
      </c>
      <c r="K258" s="158" t="s">
        <v>159</v>
      </c>
      <c r="L258" s="158" t="s">
        <v>159</v>
      </c>
      <c r="M258" s="175" t="s">
        <v>159</v>
      </c>
      <c r="N258" s="175" t="s">
        <v>159</v>
      </c>
      <c r="O258" s="175" t="s">
        <v>159</v>
      </c>
      <c r="P258" s="13" t="s">
        <v>513</v>
      </c>
      <c r="Q258" s="14" t="s">
        <v>506</v>
      </c>
      <c r="R258" s="13">
        <v>14</v>
      </c>
    </row>
    <row r="259" spans="1:18">
      <c r="B259" s="3" t="s">
        <v>507</v>
      </c>
      <c r="C259" s="130" t="s">
        <v>172</v>
      </c>
      <c r="D259" s="130" t="s">
        <v>172</v>
      </c>
      <c r="E259" s="28" t="s">
        <v>172</v>
      </c>
      <c r="F259" s="28" t="s">
        <v>172</v>
      </c>
      <c r="G259" s="158" t="s">
        <v>159</v>
      </c>
      <c r="H259" s="158" t="s">
        <v>159</v>
      </c>
      <c r="I259" s="158" t="s">
        <v>159</v>
      </c>
      <c r="J259" s="158" t="s">
        <v>159</v>
      </c>
      <c r="K259" s="158" t="s">
        <v>159</v>
      </c>
      <c r="L259" s="158" t="s">
        <v>159</v>
      </c>
      <c r="M259" s="175" t="s">
        <v>159</v>
      </c>
      <c r="N259" s="175" t="s">
        <v>159</v>
      </c>
      <c r="O259" s="175" t="s">
        <v>159</v>
      </c>
      <c r="P259" s="13" t="s">
        <v>514</v>
      </c>
      <c r="Q259" s="14" t="s">
        <v>508</v>
      </c>
      <c r="R259" s="13">
        <v>15</v>
      </c>
    </row>
    <row r="260" spans="1:18">
      <c r="B260" s="3" t="s">
        <v>504</v>
      </c>
      <c r="C260" s="130" t="s">
        <v>172</v>
      </c>
      <c r="D260" s="130" t="s">
        <v>172</v>
      </c>
      <c r="E260" s="28" t="s">
        <v>172</v>
      </c>
      <c r="F260" s="28" t="s">
        <v>172</v>
      </c>
      <c r="G260" s="158" t="s">
        <v>159</v>
      </c>
      <c r="H260" s="158" t="s">
        <v>159</v>
      </c>
      <c r="I260" s="158" t="s">
        <v>159</v>
      </c>
      <c r="J260" s="158" t="s">
        <v>159</v>
      </c>
      <c r="K260" s="158" t="s">
        <v>159</v>
      </c>
      <c r="L260" s="158" t="s">
        <v>159</v>
      </c>
      <c r="M260" s="175" t="s">
        <v>159</v>
      </c>
      <c r="N260" s="175" t="s">
        <v>159</v>
      </c>
      <c r="O260" s="175" t="s">
        <v>159</v>
      </c>
      <c r="P260" s="13" t="s">
        <v>515</v>
      </c>
      <c r="Q260" s="14" t="s">
        <v>505</v>
      </c>
      <c r="R260" s="13">
        <v>16</v>
      </c>
    </row>
    <row r="261" spans="1:18">
      <c r="B261" s="3" t="s">
        <v>509</v>
      </c>
      <c r="C261" s="130" t="s">
        <v>172</v>
      </c>
      <c r="D261" s="130" t="s">
        <v>172</v>
      </c>
      <c r="E261" s="28" t="s">
        <v>172</v>
      </c>
      <c r="F261" s="28" t="s">
        <v>172</v>
      </c>
      <c r="G261" s="158" t="s">
        <v>172</v>
      </c>
      <c r="H261" s="158" t="s">
        <v>172</v>
      </c>
      <c r="I261" s="158" t="s">
        <v>172</v>
      </c>
      <c r="J261" s="158" t="s">
        <v>172</v>
      </c>
      <c r="K261" s="158" t="s">
        <v>172</v>
      </c>
      <c r="L261" s="158" t="s">
        <v>172</v>
      </c>
      <c r="M261" s="175" t="s">
        <v>172</v>
      </c>
      <c r="N261" s="175" t="s">
        <v>172</v>
      </c>
      <c r="O261" s="175" t="s">
        <v>172</v>
      </c>
      <c r="P261" s="13" t="s">
        <v>517</v>
      </c>
      <c r="Q261" s="14" t="s">
        <v>518</v>
      </c>
      <c r="R261" s="13">
        <v>17</v>
      </c>
    </row>
    <row r="262" spans="1:18">
      <c r="B262" s="3" t="s">
        <v>510</v>
      </c>
      <c r="C262" s="130" t="s">
        <v>172</v>
      </c>
      <c r="D262" s="130" t="s">
        <v>172</v>
      </c>
      <c r="E262" s="28" t="s">
        <v>172</v>
      </c>
      <c r="F262" s="28" t="s">
        <v>172</v>
      </c>
      <c r="G262" s="158" t="s">
        <v>172</v>
      </c>
      <c r="H262" s="158" t="s">
        <v>172</v>
      </c>
      <c r="I262" s="158" t="s">
        <v>172</v>
      </c>
      <c r="J262" s="158" t="s">
        <v>172</v>
      </c>
      <c r="K262" s="158" t="s">
        <v>172</v>
      </c>
      <c r="L262" s="158" t="s">
        <v>172</v>
      </c>
      <c r="M262" s="175" t="s">
        <v>172</v>
      </c>
      <c r="N262" s="175" t="s">
        <v>172</v>
      </c>
      <c r="O262" s="175" t="s">
        <v>172</v>
      </c>
      <c r="P262" s="13" t="s">
        <v>519</v>
      </c>
      <c r="Q262" s="14" t="s">
        <v>520</v>
      </c>
      <c r="R262" s="13">
        <v>18</v>
      </c>
    </row>
    <row r="263" spans="1:18">
      <c r="B263" s="3" t="s">
        <v>496</v>
      </c>
      <c r="C263" s="130" t="s">
        <v>172</v>
      </c>
      <c r="D263" s="130" t="s">
        <v>172</v>
      </c>
      <c r="E263" s="28" t="s">
        <v>172</v>
      </c>
      <c r="F263" s="28" t="s">
        <v>172</v>
      </c>
      <c r="G263" s="158" t="s">
        <v>159</v>
      </c>
      <c r="H263" s="158" t="s">
        <v>159</v>
      </c>
      <c r="I263" s="158" t="s">
        <v>159</v>
      </c>
      <c r="J263" s="158" t="s">
        <v>159</v>
      </c>
      <c r="K263" s="158" t="s">
        <v>159</v>
      </c>
      <c r="L263" s="158" t="s">
        <v>159</v>
      </c>
      <c r="M263" s="175" t="s">
        <v>159</v>
      </c>
      <c r="N263" s="175" t="s">
        <v>159</v>
      </c>
      <c r="O263" s="175" t="s">
        <v>159</v>
      </c>
      <c r="P263" s="13" t="s">
        <v>516</v>
      </c>
      <c r="Q263" s="10" t="s">
        <v>500</v>
      </c>
      <c r="R263" s="13">
        <v>19</v>
      </c>
    </row>
    <row r="264" spans="1:18">
      <c r="B264" s="3" t="s">
        <v>511</v>
      </c>
      <c r="C264" s="130" t="s">
        <v>172</v>
      </c>
      <c r="D264" s="130" t="s">
        <v>172</v>
      </c>
      <c r="E264" s="28" t="s">
        <v>172</v>
      </c>
      <c r="F264" s="28" t="s">
        <v>172</v>
      </c>
      <c r="G264" s="158" t="s">
        <v>159</v>
      </c>
      <c r="H264" s="158" t="s">
        <v>159</v>
      </c>
      <c r="I264" s="158" t="s">
        <v>159</v>
      </c>
      <c r="J264" s="158" t="s">
        <v>159</v>
      </c>
      <c r="K264" s="158" t="s">
        <v>159</v>
      </c>
      <c r="L264" s="158" t="s">
        <v>159</v>
      </c>
      <c r="M264" s="175" t="s">
        <v>159</v>
      </c>
      <c r="N264" s="175" t="s">
        <v>159</v>
      </c>
      <c r="O264" s="175" t="s">
        <v>159</v>
      </c>
      <c r="P264" s="13" t="s">
        <v>521</v>
      </c>
      <c r="Q264" s="10" t="s">
        <v>512</v>
      </c>
      <c r="R264" s="13">
        <v>20</v>
      </c>
    </row>
    <row r="265" spans="1:18">
      <c r="B265" s="3" t="s">
        <v>522</v>
      </c>
      <c r="C265" s="130" t="s">
        <v>155</v>
      </c>
      <c r="D265" s="130" t="s">
        <v>155</v>
      </c>
      <c r="E265" s="28" t="s">
        <v>155</v>
      </c>
      <c r="F265" s="28" t="s">
        <v>155</v>
      </c>
      <c r="G265" s="149" t="s">
        <v>155</v>
      </c>
      <c r="H265" s="149" t="s">
        <v>155</v>
      </c>
      <c r="I265" s="149" t="s">
        <v>155</v>
      </c>
      <c r="J265" s="149" t="s">
        <v>155</v>
      </c>
      <c r="K265" s="149" t="s">
        <v>155</v>
      </c>
      <c r="L265" s="149" t="s">
        <v>155</v>
      </c>
      <c r="M265" s="166" t="s">
        <v>155</v>
      </c>
      <c r="N265" s="166" t="s">
        <v>155</v>
      </c>
      <c r="O265" s="166" t="s">
        <v>155</v>
      </c>
      <c r="P265" s="13" t="s">
        <v>523</v>
      </c>
      <c r="Q265" s="13" t="s">
        <v>524</v>
      </c>
      <c r="R265" s="13">
        <v>21</v>
      </c>
    </row>
    <row r="266" spans="1:18">
      <c r="A266">
        <v>113</v>
      </c>
      <c r="B266" s="3" t="s">
        <v>658</v>
      </c>
      <c r="C266" s="130" t="s">
        <v>172</v>
      </c>
      <c r="D266" s="130" t="s">
        <v>172</v>
      </c>
      <c r="E266" s="28" t="s">
        <v>172</v>
      </c>
      <c r="F266" s="28" t="s">
        <v>172</v>
      </c>
      <c r="G266" s="158" t="s">
        <v>172</v>
      </c>
      <c r="H266" s="158" t="s">
        <v>172</v>
      </c>
      <c r="I266" s="158" t="s">
        <v>172</v>
      </c>
      <c r="J266" s="158" t="s">
        <v>172</v>
      </c>
      <c r="K266" s="158" t="s">
        <v>172</v>
      </c>
      <c r="L266" s="158" t="s">
        <v>172</v>
      </c>
      <c r="M266" s="175" t="s">
        <v>172</v>
      </c>
      <c r="N266" s="175" t="s">
        <v>172</v>
      </c>
      <c r="O266" s="175" t="s">
        <v>172</v>
      </c>
      <c r="P266" s="13" t="s">
        <v>659</v>
      </c>
      <c r="Q266" s="10" t="s">
        <v>660</v>
      </c>
      <c r="R266" s="13">
        <v>200</v>
      </c>
    </row>
    <row r="267" spans="1:18">
      <c r="A267">
        <v>114</v>
      </c>
      <c r="B267" s="3" t="s">
        <v>661</v>
      </c>
      <c r="C267" s="130" t="s">
        <v>172</v>
      </c>
      <c r="D267" s="130" t="s">
        <v>172</v>
      </c>
      <c r="E267" s="28" t="s">
        <v>172</v>
      </c>
      <c r="F267" s="28" t="s">
        <v>172</v>
      </c>
      <c r="G267" s="158" t="s">
        <v>172</v>
      </c>
      <c r="H267" s="158" t="s">
        <v>172</v>
      </c>
      <c r="I267" s="158" t="s">
        <v>172</v>
      </c>
      <c r="J267" s="158" t="s">
        <v>172</v>
      </c>
      <c r="K267" s="158" t="s">
        <v>172</v>
      </c>
      <c r="L267" s="158" t="s">
        <v>172</v>
      </c>
      <c r="M267" s="175" t="s">
        <v>172</v>
      </c>
      <c r="N267" s="175" t="s">
        <v>172</v>
      </c>
      <c r="O267" s="175" t="s">
        <v>172</v>
      </c>
      <c r="P267" s="13" t="s">
        <v>662</v>
      </c>
      <c r="Q267" s="13" t="s">
        <v>663</v>
      </c>
      <c r="R267" s="13">
        <v>201</v>
      </c>
    </row>
    <row r="268" spans="1:18">
      <c r="B268" s="3"/>
      <c r="C268" s="130"/>
      <c r="D268" s="130"/>
      <c r="E268" s="28"/>
      <c r="F268" s="28"/>
      <c r="G268" s="149"/>
      <c r="H268" s="149"/>
      <c r="I268" s="149"/>
      <c r="J268" s="149"/>
      <c r="K268" s="149"/>
      <c r="L268" s="149"/>
      <c r="M268" s="166"/>
      <c r="N268" s="166"/>
      <c r="O268" s="166"/>
      <c r="P268" s="17"/>
      <c r="Q268" s="17"/>
      <c r="R268" s="17"/>
    </row>
    <row r="269" spans="1:18">
      <c r="A269">
        <v>115</v>
      </c>
      <c r="B269" s="3" t="s">
        <v>113</v>
      </c>
      <c r="C269" s="130" t="s">
        <v>155</v>
      </c>
      <c r="D269" s="130" t="s">
        <v>155</v>
      </c>
      <c r="E269" s="28" t="s">
        <v>155</v>
      </c>
      <c r="F269" s="28" t="s">
        <v>155</v>
      </c>
      <c r="G269" s="149" t="s">
        <v>155</v>
      </c>
      <c r="H269" s="149" t="s">
        <v>155</v>
      </c>
      <c r="I269" s="149" t="s">
        <v>155</v>
      </c>
      <c r="J269" s="149" t="s">
        <v>155</v>
      </c>
      <c r="K269" s="149" t="s">
        <v>498</v>
      </c>
      <c r="L269" s="149" t="s">
        <v>155</v>
      </c>
      <c r="M269" s="166" t="s">
        <v>155</v>
      </c>
      <c r="N269" s="166" t="s">
        <v>155</v>
      </c>
      <c r="O269" s="166" t="s">
        <v>155</v>
      </c>
      <c r="P269" s="13" t="s">
        <v>223</v>
      </c>
      <c r="Q269" s="13" t="s">
        <v>459</v>
      </c>
      <c r="R269" s="13">
        <v>1</v>
      </c>
    </row>
    <row r="270" spans="1:18">
      <c r="B270" s="3" t="s">
        <v>114</v>
      </c>
      <c r="C270" s="130" t="s">
        <v>155</v>
      </c>
      <c r="D270" s="130" t="s">
        <v>155</v>
      </c>
      <c r="E270" s="28" t="s">
        <v>155</v>
      </c>
      <c r="F270" s="28" t="s">
        <v>155</v>
      </c>
      <c r="G270" s="149" t="s">
        <v>155</v>
      </c>
      <c r="H270" s="149" t="s">
        <v>155</v>
      </c>
      <c r="I270" s="149" t="s">
        <v>155</v>
      </c>
      <c r="J270" s="149" t="s">
        <v>155</v>
      </c>
      <c r="K270" s="149" t="s">
        <v>155</v>
      </c>
      <c r="L270" s="149" t="s">
        <v>155</v>
      </c>
      <c r="M270" s="166" t="s">
        <v>155</v>
      </c>
      <c r="N270" s="166" t="s">
        <v>155</v>
      </c>
      <c r="O270" s="166" t="s">
        <v>155</v>
      </c>
      <c r="P270" s="89" t="s">
        <v>223</v>
      </c>
      <c r="Q270" s="97" t="s">
        <v>921</v>
      </c>
      <c r="R270" s="89">
        <v>1</v>
      </c>
    </row>
    <row r="271" spans="1:18">
      <c r="B271" s="4" t="s">
        <v>115</v>
      </c>
      <c r="C271" s="130" t="s">
        <v>172</v>
      </c>
      <c r="D271" s="130" t="s">
        <v>172</v>
      </c>
      <c r="E271" s="28" t="s">
        <v>172</v>
      </c>
      <c r="F271" s="28" t="s">
        <v>172</v>
      </c>
      <c r="G271" s="149" t="s">
        <v>172</v>
      </c>
      <c r="H271" s="149" t="s">
        <v>172</v>
      </c>
      <c r="I271" s="149" t="s">
        <v>172</v>
      </c>
      <c r="J271" s="149" t="s">
        <v>172</v>
      </c>
      <c r="K271" s="149" t="s">
        <v>172</v>
      </c>
      <c r="L271" s="149" t="s">
        <v>172</v>
      </c>
      <c r="M271" s="166" t="s">
        <v>172</v>
      </c>
      <c r="N271" s="166" t="s">
        <v>172</v>
      </c>
      <c r="O271" s="166" t="s">
        <v>172</v>
      </c>
      <c r="P271" s="10" t="s">
        <v>223</v>
      </c>
      <c r="Q271" s="9" t="s">
        <v>460</v>
      </c>
      <c r="R271" s="10">
        <v>1</v>
      </c>
    </row>
    <row r="272" spans="1:18" ht="29">
      <c r="B272" s="3" t="s">
        <v>116</v>
      </c>
      <c r="C272" s="130" t="s">
        <v>172</v>
      </c>
      <c r="D272" s="130" t="s">
        <v>172</v>
      </c>
      <c r="E272" s="28" t="s">
        <v>172</v>
      </c>
      <c r="F272" s="28" t="s">
        <v>172</v>
      </c>
      <c r="G272" s="149" t="s">
        <v>172</v>
      </c>
      <c r="H272" s="149" t="s">
        <v>172</v>
      </c>
      <c r="I272" s="149" t="s">
        <v>172</v>
      </c>
      <c r="J272" s="149" t="s">
        <v>172</v>
      </c>
      <c r="K272" s="149" t="s">
        <v>498</v>
      </c>
      <c r="L272" s="149" t="s">
        <v>172</v>
      </c>
      <c r="M272" s="166" t="s">
        <v>172</v>
      </c>
      <c r="N272" s="166" t="s">
        <v>172</v>
      </c>
      <c r="O272" s="166" t="s">
        <v>172</v>
      </c>
      <c r="P272" s="10" t="s">
        <v>223</v>
      </c>
      <c r="Q272" s="15" t="s">
        <v>461</v>
      </c>
      <c r="R272" s="10">
        <v>1</v>
      </c>
    </row>
    <row r="273" spans="2:18">
      <c r="B273" s="4" t="s">
        <v>117</v>
      </c>
      <c r="C273" s="130" t="s">
        <v>155</v>
      </c>
      <c r="D273" s="130" t="s">
        <v>155</v>
      </c>
      <c r="E273" s="28" t="s">
        <v>159</v>
      </c>
      <c r="F273" s="28" t="s">
        <v>159</v>
      </c>
      <c r="G273" s="149" t="s">
        <v>159</v>
      </c>
      <c r="H273" s="149" t="s">
        <v>159</v>
      </c>
      <c r="I273" s="149" t="s">
        <v>159</v>
      </c>
      <c r="J273" s="149" t="s">
        <v>159</v>
      </c>
      <c r="K273" s="149" t="s">
        <v>159</v>
      </c>
      <c r="L273" s="149" t="s">
        <v>159</v>
      </c>
      <c r="M273" s="166" t="s">
        <v>159</v>
      </c>
      <c r="N273" s="166" t="s">
        <v>159</v>
      </c>
      <c r="O273" s="166" t="s">
        <v>159</v>
      </c>
      <c r="P273" s="10" t="s">
        <v>223</v>
      </c>
      <c r="Q273" s="9" t="s">
        <v>462</v>
      </c>
      <c r="R273" s="10">
        <v>1</v>
      </c>
    </row>
    <row r="274" spans="2:18">
      <c r="B274" s="3" t="s">
        <v>118</v>
      </c>
      <c r="C274" s="130" t="s">
        <v>155</v>
      </c>
      <c r="D274" s="130" t="s">
        <v>155</v>
      </c>
      <c r="E274" s="28" t="s">
        <v>155</v>
      </c>
      <c r="F274" s="28" t="s">
        <v>155</v>
      </c>
      <c r="G274" s="149" t="s">
        <v>155</v>
      </c>
      <c r="H274" s="149" t="s">
        <v>155</v>
      </c>
      <c r="I274" s="149" t="s">
        <v>155</v>
      </c>
      <c r="J274" s="149" t="s">
        <v>155</v>
      </c>
      <c r="K274" s="149" t="s">
        <v>155</v>
      </c>
      <c r="L274" s="149" t="s">
        <v>155</v>
      </c>
      <c r="M274" s="166" t="s">
        <v>155</v>
      </c>
      <c r="N274" s="166" t="s">
        <v>155</v>
      </c>
      <c r="O274" s="166" t="s">
        <v>155</v>
      </c>
      <c r="P274" s="10" t="s">
        <v>223</v>
      </c>
      <c r="Q274" s="9" t="s">
        <v>463</v>
      </c>
      <c r="R274" s="10">
        <v>1</v>
      </c>
    </row>
    <row r="275" spans="2:18">
      <c r="B275" s="3" t="s">
        <v>119</v>
      </c>
      <c r="C275" s="130" t="s">
        <v>155</v>
      </c>
      <c r="D275" s="130" t="s">
        <v>155</v>
      </c>
      <c r="E275" s="28" t="s">
        <v>155</v>
      </c>
      <c r="F275" s="28" t="s">
        <v>155</v>
      </c>
      <c r="G275" s="149" t="s">
        <v>155</v>
      </c>
      <c r="H275" s="149" t="s">
        <v>155</v>
      </c>
      <c r="I275" s="149" t="s">
        <v>155</v>
      </c>
      <c r="J275" s="149" t="s">
        <v>155</v>
      </c>
      <c r="K275" s="149" t="s">
        <v>155</v>
      </c>
      <c r="L275" s="149" t="s">
        <v>155</v>
      </c>
      <c r="M275" s="166" t="s">
        <v>155</v>
      </c>
      <c r="N275" s="166" t="s">
        <v>155</v>
      </c>
      <c r="O275" s="166" t="s">
        <v>155</v>
      </c>
      <c r="P275" s="10" t="s">
        <v>223</v>
      </c>
      <c r="Q275" s="10" t="s">
        <v>464</v>
      </c>
      <c r="R275" s="10">
        <v>1</v>
      </c>
    </row>
    <row r="276" spans="2:18">
      <c r="B276" s="3" t="s">
        <v>120</v>
      </c>
      <c r="C276" s="130" t="s">
        <v>155</v>
      </c>
      <c r="D276" s="130" t="s">
        <v>155</v>
      </c>
      <c r="E276" s="28" t="s">
        <v>155</v>
      </c>
      <c r="F276" s="28" t="s">
        <v>155</v>
      </c>
      <c r="G276" s="149" t="s">
        <v>155</v>
      </c>
      <c r="H276" s="149" t="s">
        <v>155</v>
      </c>
      <c r="I276" s="149" t="s">
        <v>155</v>
      </c>
      <c r="J276" s="149" t="s">
        <v>155</v>
      </c>
      <c r="K276" s="149" t="s">
        <v>155</v>
      </c>
      <c r="L276" s="149" t="s">
        <v>155</v>
      </c>
      <c r="M276" s="166" t="s">
        <v>155</v>
      </c>
      <c r="N276" s="166" t="s">
        <v>155</v>
      </c>
      <c r="O276" s="166" t="s">
        <v>155</v>
      </c>
      <c r="P276" s="13" t="s">
        <v>223</v>
      </c>
      <c r="Q276" s="13" t="s">
        <v>465</v>
      </c>
      <c r="R276" s="13">
        <v>1</v>
      </c>
    </row>
    <row r="277" spans="2:18">
      <c r="B277" s="3" t="s">
        <v>121</v>
      </c>
      <c r="C277" s="130" t="s">
        <v>159</v>
      </c>
      <c r="D277" s="130" t="s">
        <v>159</v>
      </c>
      <c r="E277" s="28" t="s">
        <v>159</v>
      </c>
      <c r="F277" s="28" t="s">
        <v>159</v>
      </c>
      <c r="G277" s="149" t="s">
        <v>159</v>
      </c>
      <c r="H277" s="149" t="s">
        <v>159</v>
      </c>
      <c r="I277" s="149" t="s">
        <v>159</v>
      </c>
      <c r="J277" s="149" t="s">
        <v>159</v>
      </c>
      <c r="K277" s="149" t="s">
        <v>159</v>
      </c>
      <c r="L277" s="149" t="s">
        <v>159</v>
      </c>
      <c r="M277" s="166" t="s">
        <v>155</v>
      </c>
      <c r="N277" s="166" t="s">
        <v>172</v>
      </c>
      <c r="O277" s="166" t="s">
        <v>172</v>
      </c>
      <c r="P277" s="10" t="s">
        <v>223</v>
      </c>
      <c r="Q277" s="10" t="s">
        <v>466</v>
      </c>
      <c r="R277" s="10">
        <v>1</v>
      </c>
    </row>
    <row r="278" spans="2:18">
      <c r="B278" s="3" t="s">
        <v>122</v>
      </c>
      <c r="C278" s="130" t="s">
        <v>155</v>
      </c>
      <c r="D278" s="130" t="s">
        <v>155</v>
      </c>
      <c r="E278" s="28" t="s">
        <v>155</v>
      </c>
      <c r="F278" s="28" t="s">
        <v>155</v>
      </c>
      <c r="G278" s="149" t="s">
        <v>155</v>
      </c>
      <c r="H278" s="149" t="s">
        <v>155</v>
      </c>
      <c r="I278" s="149" t="s">
        <v>155</v>
      </c>
      <c r="J278" s="149" t="s">
        <v>155</v>
      </c>
      <c r="K278" s="149" t="s">
        <v>155</v>
      </c>
      <c r="L278" s="149" t="s">
        <v>155</v>
      </c>
      <c r="M278" s="166" t="s">
        <v>155</v>
      </c>
      <c r="N278" s="166" t="s">
        <v>155</v>
      </c>
      <c r="O278" s="166" t="s">
        <v>155</v>
      </c>
      <c r="P278" s="13" t="s">
        <v>223</v>
      </c>
      <c r="Q278" s="13" t="s">
        <v>467</v>
      </c>
      <c r="R278" s="13">
        <v>1</v>
      </c>
    </row>
    <row r="279" spans="2:18">
      <c r="B279" s="3" t="s">
        <v>123</v>
      </c>
      <c r="C279" s="130" t="s">
        <v>155</v>
      </c>
      <c r="D279" s="130" t="s">
        <v>155</v>
      </c>
      <c r="E279" s="28" t="s">
        <v>155</v>
      </c>
      <c r="F279" s="28" t="s">
        <v>155</v>
      </c>
      <c r="G279" s="149" t="s">
        <v>155</v>
      </c>
      <c r="H279" s="149" t="s">
        <v>155</v>
      </c>
      <c r="I279" s="149" t="s">
        <v>155</v>
      </c>
      <c r="J279" s="149" t="s">
        <v>155</v>
      </c>
      <c r="K279" s="149" t="s">
        <v>155</v>
      </c>
      <c r="L279" s="149" t="s">
        <v>155</v>
      </c>
      <c r="M279" s="166" t="s">
        <v>155</v>
      </c>
      <c r="N279" s="166" t="s">
        <v>155</v>
      </c>
      <c r="O279" s="166" t="s">
        <v>155</v>
      </c>
      <c r="P279" s="13" t="s">
        <v>223</v>
      </c>
      <c r="Q279" s="13" t="s">
        <v>468</v>
      </c>
      <c r="R279" s="13">
        <v>1</v>
      </c>
    </row>
    <row r="280" spans="2:18">
      <c r="B280" s="3" t="s">
        <v>469</v>
      </c>
      <c r="C280" s="130" t="s">
        <v>155</v>
      </c>
      <c r="D280" s="130" t="s">
        <v>155</v>
      </c>
      <c r="E280" s="28" t="s">
        <v>155</v>
      </c>
      <c r="F280" s="28" t="s">
        <v>155</v>
      </c>
      <c r="G280" s="149" t="s">
        <v>155</v>
      </c>
      <c r="H280" s="149" t="s">
        <v>155</v>
      </c>
      <c r="I280" s="149" t="s">
        <v>155</v>
      </c>
      <c r="J280" s="149" t="s">
        <v>155</v>
      </c>
      <c r="K280" s="149" t="s">
        <v>155</v>
      </c>
      <c r="L280" s="149" t="s">
        <v>155</v>
      </c>
      <c r="M280" s="166" t="s">
        <v>155</v>
      </c>
      <c r="N280" s="166" t="s">
        <v>155</v>
      </c>
      <c r="O280" s="166" t="s">
        <v>155</v>
      </c>
      <c r="P280" s="10" t="s">
        <v>223</v>
      </c>
      <c r="Q280" s="16" t="s">
        <v>470</v>
      </c>
      <c r="R280" s="10">
        <v>1</v>
      </c>
    </row>
    <row r="281" spans="2:18">
      <c r="B281" s="3" t="s">
        <v>124</v>
      </c>
      <c r="C281" s="130" t="s">
        <v>155</v>
      </c>
      <c r="D281" s="130" t="s">
        <v>155</v>
      </c>
      <c r="E281" s="28" t="s">
        <v>155</v>
      </c>
      <c r="F281" s="28" t="s">
        <v>155</v>
      </c>
      <c r="G281" s="149" t="s">
        <v>155</v>
      </c>
      <c r="H281" s="149" t="s">
        <v>155</v>
      </c>
      <c r="I281" s="149" t="s">
        <v>155</v>
      </c>
      <c r="J281" s="149" t="s">
        <v>155</v>
      </c>
      <c r="K281" s="149" t="s">
        <v>155</v>
      </c>
      <c r="L281" s="149" t="s">
        <v>155</v>
      </c>
      <c r="M281" s="166" t="s">
        <v>155</v>
      </c>
      <c r="N281" s="166" t="s">
        <v>155</v>
      </c>
      <c r="O281" s="166" t="s">
        <v>155</v>
      </c>
      <c r="P281" s="10" t="s">
        <v>223</v>
      </c>
      <c r="Q281" s="10" t="s">
        <v>494</v>
      </c>
      <c r="R281" s="10">
        <v>1</v>
      </c>
    </row>
    <row r="282" spans="2:18">
      <c r="B282" s="3" t="s">
        <v>125</v>
      </c>
      <c r="C282" s="130" t="s">
        <v>155</v>
      </c>
      <c r="D282" s="130" t="s">
        <v>155</v>
      </c>
      <c r="E282" s="28" t="s">
        <v>155</v>
      </c>
      <c r="F282" s="28" t="s">
        <v>155</v>
      </c>
      <c r="G282" s="149" t="s">
        <v>155</v>
      </c>
      <c r="H282" s="149" t="s">
        <v>155</v>
      </c>
      <c r="I282" s="149" t="s">
        <v>155</v>
      </c>
      <c r="J282" s="149" t="s">
        <v>155</v>
      </c>
      <c r="K282" s="149" t="s">
        <v>155</v>
      </c>
      <c r="L282" s="149" t="s">
        <v>155</v>
      </c>
      <c r="M282" s="166" t="s">
        <v>155</v>
      </c>
      <c r="N282" s="166" t="s">
        <v>155</v>
      </c>
      <c r="O282" s="166" t="s">
        <v>155</v>
      </c>
      <c r="P282" s="10" t="s">
        <v>223</v>
      </c>
      <c r="Q282" s="10" t="s">
        <v>495</v>
      </c>
      <c r="R282" s="10">
        <v>1</v>
      </c>
    </row>
    <row r="283" spans="2:18">
      <c r="B283" s="3" t="s">
        <v>31</v>
      </c>
      <c r="C283" s="130" t="s">
        <v>155</v>
      </c>
      <c r="D283" s="130" t="s">
        <v>155</v>
      </c>
      <c r="E283" s="28" t="s">
        <v>155</v>
      </c>
      <c r="F283" s="28" t="s">
        <v>155</v>
      </c>
      <c r="G283" s="149" t="s">
        <v>155</v>
      </c>
      <c r="H283" s="149" t="s">
        <v>155</v>
      </c>
      <c r="I283" s="149" t="s">
        <v>155</v>
      </c>
      <c r="J283" s="149" t="s">
        <v>155</v>
      </c>
      <c r="K283" s="149" t="s">
        <v>155</v>
      </c>
      <c r="L283" s="149" t="s">
        <v>155</v>
      </c>
      <c r="M283" s="166" t="s">
        <v>155</v>
      </c>
      <c r="N283" s="166" t="s">
        <v>155</v>
      </c>
      <c r="O283" s="166" t="s">
        <v>155</v>
      </c>
      <c r="P283" s="10" t="s">
        <v>223</v>
      </c>
      <c r="Q283" s="10" t="s">
        <v>471</v>
      </c>
      <c r="R283" s="10">
        <v>1</v>
      </c>
    </row>
    <row r="284" spans="2:18">
      <c r="B284" s="3" t="s">
        <v>126</v>
      </c>
      <c r="C284" s="130" t="s">
        <v>159</v>
      </c>
      <c r="D284" s="130" t="s">
        <v>159</v>
      </c>
      <c r="E284" s="28" t="s">
        <v>172</v>
      </c>
      <c r="F284" s="28" t="s">
        <v>172</v>
      </c>
      <c r="G284" s="149" t="s">
        <v>172</v>
      </c>
      <c r="H284" s="149" t="s">
        <v>172</v>
      </c>
      <c r="I284" s="149" t="s">
        <v>172</v>
      </c>
      <c r="J284" s="149" t="s">
        <v>172</v>
      </c>
      <c r="K284" s="149" t="s">
        <v>172</v>
      </c>
      <c r="L284" s="149" t="s">
        <v>172</v>
      </c>
      <c r="M284" s="166" t="s">
        <v>172</v>
      </c>
      <c r="N284" s="166" t="s">
        <v>172</v>
      </c>
      <c r="O284" s="166" t="s">
        <v>172</v>
      </c>
      <c r="P284" s="10" t="s">
        <v>223</v>
      </c>
      <c r="Q284" s="10" t="s">
        <v>472</v>
      </c>
      <c r="R284" s="10">
        <v>1</v>
      </c>
    </row>
    <row r="285" spans="2:18">
      <c r="B285" s="3" t="s">
        <v>127</v>
      </c>
      <c r="C285" s="130" t="s">
        <v>172</v>
      </c>
      <c r="D285" s="130" t="s">
        <v>172</v>
      </c>
      <c r="E285" s="28" t="s">
        <v>172</v>
      </c>
      <c r="F285" s="28" t="s">
        <v>172</v>
      </c>
      <c r="G285" s="149" t="s">
        <v>172</v>
      </c>
      <c r="H285" s="149" t="s">
        <v>172</v>
      </c>
      <c r="I285" s="149" t="s">
        <v>172</v>
      </c>
      <c r="J285" s="149" t="s">
        <v>172</v>
      </c>
      <c r="K285" s="149" t="s">
        <v>172</v>
      </c>
      <c r="L285" s="149" t="s">
        <v>172</v>
      </c>
      <c r="M285" s="166" t="s">
        <v>172</v>
      </c>
      <c r="N285" s="166" t="s">
        <v>172</v>
      </c>
      <c r="O285" s="166" t="s">
        <v>172</v>
      </c>
      <c r="P285" s="10" t="s">
        <v>223</v>
      </c>
      <c r="Q285" s="10" t="s">
        <v>476</v>
      </c>
      <c r="R285" s="10">
        <v>1</v>
      </c>
    </row>
    <row r="286" spans="2:18">
      <c r="B286" s="3" t="s">
        <v>128</v>
      </c>
      <c r="C286" s="130" t="s">
        <v>159</v>
      </c>
      <c r="D286" s="130" t="s">
        <v>159</v>
      </c>
      <c r="E286" s="28" t="s">
        <v>155</v>
      </c>
      <c r="F286" s="28" t="s">
        <v>155</v>
      </c>
      <c r="G286" s="149" t="s">
        <v>155</v>
      </c>
      <c r="H286" s="149" t="s">
        <v>155</v>
      </c>
      <c r="I286" s="149" t="s">
        <v>155</v>
      </c>
      <c r="J286" s="149" t="s">
        <v>155</v>
      </c>
      <c r="K286" s="149" t="s">
        <v>155</v>
      </c>
      <c r="L286" s="149" t="s">
        <v>155</v>
      </c>
      <c r="M286" s="166" t="s">
        <v>155</v>
      </c>
      <c r="N286" s="166" t="s">
        <v>155</v>
      </c>
      <c r="O286" s="166" t="s">
        <v>155</v>
      </c>
      <c r="P286" s="21" t="s">
        <v>223</v>
      </c>
      <c r="Q286" s="14" t="s">
        <v>477</v>
      </c>
      <c r="R286" s="13">
        <v>1</v>
      </c>
    </row>
    <row r="287" spans="2:18" ht="43.5">
      <c r="B287" s="3" t="s">
        <v>129</v>
      </c>
      <c r="C287" s="130" t="s">
        <v>159</v>
      </c>
      <c r="D287" s="130" t="s">
        <v>159</v>
      </c>
      <c r="E287" s="30" t="s">
        <v>475</v>
      </c>
      <c r="F287" s="30" t="s">
        <v>475</v>
      </c>
      <c r="G287" s="153" t="s">
        <v>475</v>
      </c>
      <c r="H287" s="153" t="s">
        <v>475</v>
      </c>
      <c r="I287" s="153" t="s">
        <v>475</v>
      </c>
      <c r="J287" s="153" t="s">
        <v>475</v>
      </c>
      <c r="K287" s="153" t="s">
        <v>475</v>
      </c>
      <c r="L287" s="153" t="s">
        <v>475</v>
      </c>
      <c r="M287" s="170" t="s">
        <v>475</v>
      </c>
      <c r="N287" s="170" t="s">
        <v>475</v>
      </c>
      <c r="O287" s="170" t="s">
        <v>475</v>
      </c>
      <c r="P287" s="21" t="s">
        <v>223</v>
      </c>
      <c r="Q287" s="14" t="s">
        <v>478</v>
      </c>
      <c r="R287" s="13">
        <v>1</v>
      </c>
    </row>
    <row r="288" spans="2:18" ht="43.5">
      <c r="B288" s="3" t="s">
        <v>130</v>
      </c>
      <c r="C288" s="130" t="s">
        <v>159</v>
      </c>
      <c r="D288" s="130" t="s">
        <v>159</v>
      </c>
      <c r="E288" s="30" t="s">
        <v>475</v>
      </c>
      <c r="F288" s="30" t="s">
        <v>475</v>
      </c>
      <c r="G288" s="153" t="s">
        <v>475</v>
      </c>
      <c r="H288" s="153" t="s">
        <v>475</v>
      </c>
      <c r="I288" s="153" t="s">
        <v>475</v>
      </c>
      <c r="J288" s="153" t="s">
        <v>475</v>
      </c>
      <c r="K288" s="153" t="s">
        <v>475</v>
      </c>
      <c r="L288" s="153" t="s">
        <v>475</v>
      </c>
      <c r="M288" s="170" t="s">
        <v>475</v>
      </c>
      <c r="N288" s="170" t="s">
        <v>475</v>
      </c>
      <c r="O288" s="170" t="s">
        <v>475</v>
      </c>
      <c r="P288" s="21" t="s">
        <v>223</v>
      </c>
      <c r="Q288" s="14" t="s">
        <v>479</v>
      </c>
      <c r="R288" s="13">
        <v>1</v>
      </c>
    </row>
    <row r="289" spans="2:18" ht="43.5">
      <c r="B289" s="3" t="s">
        <v>131</v>
      </c>
      <c r="C289" s="130" t="s">
        <v>159</v>
      </c>
      <c r="D289" s="130" t="s">
        <v>159</v>
      </c>
      <c r="E289" s="30" t="s">
        <v>475</v>
      </c>
      <c r="F289" s="30" t="s">
        <v>475</v>
      </c>
      <c r="G289" s="149" t="s">
        <v>159</v>
      </c>
      <c r="H289" s="149" t="s">
        <v>159</v>
      </c>
      <c r="I289" s="149" t="s">
        <v>159</v>
      </c>
      <c r="J289" s="149" t="s">
        <v>159</v>
      </c>
      <c r="K289" s="149" t="s">
        <v>159</v>
      </c>
      <c r="L289" s="149" t="s">
        <v>159</v>
      </c>
      <c r="M289" s="166" t="s">
        <v>159</v>
      </c>
      <c r="N289" s="166" t="s">
        <v>159</v>
      </c>
      <c r="O289" s="166" t="s">
        <v>159</v>
      </c>
      <c r="P289" s="21" t="s">
        <v>223</v>
      </c>
      <c r="Q289" s="14" t="s">
        <v>480</v>
      </c>
      <c r="R289" s="13">
        <v>1</v>
      </c>
    </row>
    <row r="290" spans="2:18" ht="29">
      <c r="B290" s="3" t="s">
        <v>132</v>
      </c>
      <c r="C290" s="130" t="s">
        <v>159</v>
      </c>
      <c r="D290" s="130" t="s">
        <v>155</v>
      </c>
      <c r="E290" s="30" t="s">
        <v>159</v>
      </c>
      <c r="F290" s="30" t="s">
        <v>155</v>
      </c>
      <c r="G290" s="153" t="s">
        <v>155</v>
      </c>
      <c r="H290" s="153" t="s">
        <v>155</v>
      </c>
      <c r="I290" s="153" t="s">
        <v>155</v>
      </c>
      <c r="J290" s="153" t="s">
        <v>155</v>
      </c>
      <c r="K290" s="153" t="s">
        <v>155</v>
      </c>
      <c r="L290" s="153" t="s">
        <v>155</v>
      </c>
      <c r="M290" s="170" t="s">
        <v>155</v>
      </c>
      <c r="N290" s="170" t="s">
        <v>155</v>
      </c>
      <c r="O290" s="170" t="s">
        <v>155</v>
      </c>
      <c r="P290" s="13" t="s">
        <v>223</v>
      </c>
      <c r="Q290" s="14" t="s">
        <v>481</v>
      </c>
      <c r="R290" s="13">
        <v>1</v>
      </c>
    </row>
    <row r="291" spans="2:18" ht="29">
      <c r="B291" s="3" t="s">
        <v>133</v>
      </c>
      <c r="C291" s="134" t="s">
        <v>474</v>
      </c>
      <c r="D291" s="130" t="s">
        <v>155</v>
      </c>
      <c r="E291" s="28" t="s">
        <v>155</v>
      </c>
      <c r="F291" s="28" t="s">
        <v>155</v>
      </c>
      <c r="G291" s="149" t="s">
        <v>155</v>
      </c>
      <c r="H291" s="149" t="s">
        <v>155</v>
      </c>
      <c r="I291" s="149" t="s">
        <v>155</v>
      </c>
      <c r="J291" s="149" t="s">
        <v>155</v>
      </c>
      <c r="K291" s="149" t="s">
        <v>155</v>
      </c>
      <c r="L291" s="149" t="s">
        <v>155</v>
      </c>
      <c r="M291" s="166" t="s">
        <v>155</v>
      </c>
      <c r="N291" s="166" t="s">
        <v>155</v>
      </c>
      <c r="O291" s="166" t="s">
        <v>155</v>
      </c>
      <c r="P291" s="13" t="s">
        <v>223</v>
      </c>
      <c r="Q291" s="14" t="s">
        <v>482</v>
      </c>
      <c r="R291" s="13">
        <v>1</v>
      </c>
    </row>
    <row r="292" spans="2:18">
      <c r="B292" s="3" t="s">
        <v>473</v>
      </c>
      <c r="C292" s="130" t="s">
        <v>172</v>
      </c>
      <c r="D292" s="130" t="s">
        <v>172</v>
      </c>
      <c r="E292" s="28" t="s">
        <v>172</v>
      </c>
      <c r="F292" s="28" t="s">
        <v>172</v>
      </c>
      <c r="G292" s="149" t="s">
        <v>172</v>
      </c>
      <c r="H292" s="149" t="s">
        <v>172</v>
      </c>
      <c r="I292" s="149" t="s">
        <v>172</v>
      </c>
      <c r="J292" s="149" t="s">
        <v>172</v>
      </c>
      <c r="K292" s="149" t="s">
        <v>172</v>
      </c>
      <c r="L292" s="149" t="s">
        <v>172</v>
      </c>
      <c r="M292" s="166" t="s">
        <v>172</v>
      </c>
      <c r="N292" s="166" t="s">
        <v>172</v>
      </c>
      <c r="O292" s="166" t="s">
        <v>172</v>
      </c>
      <c r="P292" s="13" t="s">
        <v>223</v>
      </c>
      <c r="Q292" s="13" t="s">
        <v>483</v>
      </c>
      <c r="R292" s="13">
        <v>1</v>
      </c>
    </row>
    <row r="293" spans="2:18">
      <c r="B293" s="3" t="s">
        <v>134</v>
      </c>
      <c r="C293" s="130" t="s">
        <v>155</v>
      </c>
      <c r="D293" s="130" t="s">
        <v>155</v>
      </c>
      <c r="E293" s="28" t="s">
        <v>155</v>
      </c>
      <c r="F293" s="28" t="s">
        <v>155</v>
      </c>
      <c r="G293" s="149" t="s">
        <v>155</v>
      </c>
      <c r="H293" s="149" t="s">
        <v>155</v>
      </c>
      <c r="I293" s="149" t="s">
        <v>155</v>
      </c>
      <c r="J293" s="149" t="s">
        <v>155</v>
      </c>
      <c r="K293" s="149" t="s">
        <v>155</v>
      </c>
      <c r="L293" s="149" t="s">
        <v>155</v>
      </c>
      <c r="M293" s="166" t="s">
        <v>155</v>
      </c>
      <c r="N293" s="166" t="s">
        <v>155</v>
      </c>
      <c r="O293" s="166" t="s">
        <v>155</v>
      </c>
      <c r="P293" s="13" t="s">
        <v>223</v>
      </c>
      <c r="Q293" s="13" t="s">
        <v>484</v>
      </c>
      <c r="R293" s="13">
        <v>1</v>
      </c>
    </row>
    <row r="294" spans="2:18">
      <c r="B294" s="3" t="s">
        <v>135</v>
      </c>
      <c r="C294" s="130" t="s">
        <v>155</v>
      </c>
      <c r="D294" s="130" t="s">
        <v>155</v>
      </c>
      <c r="E294" s="28" t="s">
        <v>155</v>
      </c>
      <c r="F294" s="28" t="s">
        <v>155</v>
      </c>
      <c r="G294" s="149" t="s">
        <v>155</v>
      </c>
      <c r="H294" s="149" t="s">
        <v>155</v>
      </c>
      <c r="I294" s="149" t="s">
        <v>155</v>
      </c>
      <c r="J294" s="149" t="s">
        <v>155</v>
      </c>
      <c r="K294" s="149" t="s">
        <v>155</v>
      </c>
      <c r="L294" s="149" t="s">
        <v>155</v>
      </c>
      <c r="M294" s="166" t="s">
        <v>155</v>
      </c>
      <c r="N294" s="166" t="s">
        <v>155</v>
      </c>
      <c r="O294" s="166" t="s">
        <v>155</v>
      </c>
      <c r="P294" s="13" t="s">
        <v>223</v>
      </c>
      <c r="Q294" s="13" t="s">
        <v>485</v>
      </c>
      <c r="R294" s="13">
        <v>1</v>
      </c>
    </row>
    <row r="295" spans="2:18">
      <c r="B295" s="3" t="s">
        <v>136</v>
      </c>
      <c r="C295" s="130" t="s">
        <v>155</v>
      </c>
      <c r="D295" s="130" t="s">
        <v>155</v>
      </c>
      <c r="E295" s="28" t="s">
        <v>155</v>
      </c>
      <c r="F295" s="28" t="s">
        <v>155</v>
      </c>
      <c r="G295" s="149" t="s">
        <v>155</v>
      </c>
      <c r="H295" s="149" t="s">
        <v>155</v>
      </c>
      <c r="I295" s="149" t="s">
        <v>155</v>
      </c>
      <c r="J295" s="149" t="s">
        <v>155</v>
      </c>
      <c r="K295" s="149" t="s">
        <v>155</v>
      </c>
      <c r="L295" s="149" t="s">
        <v>155</v>
      </c>
      <c r="M295" s="166" t="s">
        <v>155</v>
      </c>
      <c r="N295" s="166" t="s">
        <v>155</v>
      </c>
      <c r="O295" s="166" t="s">
        <v>155</v>
      </c>
      <c r="P295" s="13" t="s">
        <v>223</v>
      </c>
      <c r="Q295" s="13" t="s">
        <v>486</v>
      </c>
      <c r="R295" s="13">
        <v>1</v>
      </c>
    </row>
    <row r="296" spans="2:18">
      <c r="B296" s="3" t="s">
        <v>137</v>
      </c>
      <c r="C296" s="130" t="s">
        <v>155</v>
      </c>
      <c r="D296" s="130" t="s">
        <v>155</v>
      </c>
      <c r="E296" s="28" t="s">
        <v>155</v>
      </c>
      <c r="F296" s="28" t="s">
        <v>155</v>
      </c>
      <c r="G296" s="149" t="s">
        <v>155</v>
      </c>
      <c r="H296" s="149" t="s">
        <v>155</v>
      </c>
      <c r="I296" s="149" t="s">
        <v>155</v>
      </c>
      <c r="J296" s="149" t="s">
        <v>155</v>
      </c>
      <c r="K296" s="149" t="s">
        <v>155</v>
      </c>
      <c r="L296" s="149" t="s">
        <v>155</v>
      </c>
      <c r="M296" s="166" t="s">
        <v>155</v>
      </c>
      <c r="N296" s="166" t="s">
        <v>155</v>
      </c>
      <c r="O296" s="166" t="s">
        <v>155</v>
      </c>
      <c r="P296" s="13" t="s">
        <v>223</v>
      </c>
      <c r="Q296" s="13" t="s">
        <v>493</v>
      </c>
      <c r="R296" s="13">
        <v>1</v>
      </c>
    </row>
    <row r="297" spans="2:18">
      <c r="B297" s="200" t="s">
        <v>997</v>
      </c>
      <c r="C297" s="201" t="s">
        <v>172</v>
      </c>
      <c r="D297" s="201" t="s">
        <v>172</v>
      </c>
      <c r="E297" s="202" t="s">
        <v>172</v>
      </c>
      <c r="F297" s="202" t="s">
        <v>172</v>
      </c>
      <c r="G297" s="203" t="s">
        <v>172</v>
      </c>
      <c r="H297" s="203" t="s">
        <v>172</v>
      </c>
      <c r="I297" s="203" t="s">
        <v>172</v>
      </c>
      <c r="J297" s="203" t="s">
        <v>172</v>
      </c>
      <c r="K297" s="203" t="s">
        <v>172</v>
      </c>
      <c r="L297" s="203" t="s">
        <v>172</v>
      </c>
      <c r="M297" s="204" t="s">
        <v>172</v>
      </c>
      <c r="N297" s="204" t="s">
        <v>172</v>
      </c>
      <c r="O297" s="204" t="s">
        <v>172</v>
      </c>
      <c r="P297" s="205" t="s">
        <v>223</v>
      </c>
      <c r="Q297" s="185" t="s">
        <v>998</v>
      </c>
      <c r="R297" s="185">
        <v>1</v>
      </c>
    </row>
    <row r="298" spans="2:18">
      <c r="B298" s="200" t="s">
        <v>999</v>
      </c>
      <c r="C298" s="201" t="s">
        <v>172</v>
      </c>
      <c r="D298" s="201" t="s">
        <v>172</v>
      </c>
      <c r="E298" s="202" t="s">
        <v>172</v>
      </c>
      <c r="F298" s="202" t="s">
        <v>172</v>
      </c>
      <c r="G298" s="203" t="s">
        <v>172</v>
      </c>
      <c r="H298" s="203" t="s">
        <v>172</v>
      </c>
      <c r="I298" s="203" t="s">
        <v>172</v>
      </c>
      <c r="J298" s="203" t="s">
        <v>172</v>
      </c>
      <c r="K298" s="203" t="s">
        <v>172</v>
      </c>
      <c r="L298" s="203" t="s">
        <v>172</v>
      </c>
      <c r="M298" s="204" t="s">
        <v>172</v>
      </c>
      <c r="N298" s="204" t="s">
        <v>172</v>
      </c>
      <c r="O298" s="204" t="s">
        <v>172</v>
      </c>
      <c r="P298" s="205" t="s">
        <v>223</v>
      </c>
      <c r="Q298" s="185" t="s">
        <v>1000</v>
      </c>
      <c r="R298" s="185">
        <v>1</v>
      </c>
    </row>
    <row r="299" spans="2:18">
      <c r="B299" s="3" t="s">
        <v>138</v>
      </c>
      <c r="C299" s="130" t="s">
        <v>172</v>
      </c>
      <c r="D299" s="130" t="s">
        <v>172</v>
      </c>
      <c r="E299" s="28" t="s">
        <v>172</v>
      </c>
      <c r="F299" s="28" t="s">
        <v>172</v>
      </c>
      <c r="G299" s="149" t="s">
        <v>172</v>
      </c>
      <c r="H299" s="149" t="s">
        <v>172</v>
      </c>
      <c r="I299" s="149" t="s">
        <v>172</v>
      </c>
      <c r="J299" s="149" t="s">
        <v>172</v>
      </c>
      <c r="K299" s="149" t="s">
        <v>172</v>
      </c>
      <c r="L299" s="149" t="s">
        <v>172</v>
      </c>
      <c r="M299" s="204" t="s">
        <v>172</v>
      </c>
      <c r="N299" s="204" t="s">
        <v>172</v>
      </c>
      <c r="O299" s="204" t="s">
        <v>172</v>
      </c>
      <c r="P299" s="13" t="s">
        <v>223</v>
      </c>
      <c r="Q299" s="13" t="s">
        <v>487</v>
      </c>
      <c r="R299" s="13">
        <v>1</v>
      </c>
    </row>
    <row r="300" spans="2:18">
      <c r="B300" s="3" t="s">
        <v>139</v>
      </c>
      <c r="C300" s="139" t="s">
        <v>155</v>
      </c>
      <c r="D300" s="139" t="s">
        <v>155</v>
      </c>
      <c r="E300" s="36" t="s">
        <v>155</v>
      </c>
      <c r="F300" s="36" t="s">
        <v>155</v>
      </c>
      <c r="G300" s="159" t="s">
        <v>155</v>
      </c>
      <c r="H300" s="159" t="s">
        <v>155</v>
      </c>
      <c r="I300" s="159" t="s">
        <v>155</v>
      </c>
      <c r="J300" s="159" t="s">
        <v>155</v>
      </c>
      <c r="K300" s="159" t="s">
        <v>155</v>
      </c>
      <c r="L300" s="159" t="s">
        <v>155</v>
      </c>
      <c r="M300" s="176" t="s">
        <v>155</v>
      </c>
      <c r="N300" s="176" t="s">
        <v>155</v>
      </c>
      <c r="O300" s="176" t="s">
        <v>155</v>
      </c>
      <c r="P300" s="37" t="s">
        <v>223</v>
      </c>
      <c r="Q300" s="13" t="s">
        <v>488</v>
      </c>
      <c r="R300" s="13">
        <v>1</v>
      </c>
    </row>
    <row r="301" spans="2:18">
      <c r="B301" s="86" t="s">
        <v>903</v>
      </c>
      <c r="C301" s="138" t="s">
        <v>172</v>
      </c>
      <c r="D301" s="138" t="s">
        <v>172</v>
      </c>
      <c r="E301" s="87" t="s">
        <v>172</v>
      </c>
      <c r="F301" s="87" t="s">
        <v>172</v>
      </c>
      <c r="G301" s="157" t="s">
        <v>172</v>
      </c>
      <c r="H301" s="157" t="s">
        <v>172</v>
      </c>
      <c r="I301" s="157" t="s">
        <v>172</v>
      </c>
      <c r="J301" s="157" t="s">
        <v>172</v>
      </c>
      <c r="K301" s="157" t="s">
        <v>172</v>
      </c>
      <c r="L301" s="157" t="s">
        <v>172</v>
      </c>
      <c r="M301" s="174" t="s">
        <v>172</v>
      </c>
      <c r="N301" s="174" t="s">
        <v>172</v>
      </c>
      <c r="O301" s="174" t="s">
        <v>172</v>
      </c>
      <c r="P301" s="88" t="s">
        <v>223</v>
      </c>
      <c r="Q301" s="89" t="s">
        <v>904</v>
      </c>
      <c r="R301" s="89">
        <v>1</v>
      </c>
    </row>
    <row r="302" spans="2:18">
      <c r="B302" s="200" t="s">
        <v>976</v>
      </c>
      <c r="C302" s="201" t="s">
        <v>159</v>
      </c>
      <c r="D302" s="201" t="s">
        <v>159</v>
      </c>
      <c r="E302" s="202" t="s">
        <v>172</v>
      </c>
      <c r="F302" s="202" t="s">
        <v>172</v>
      </c>
      <c r="G302" s="203" t="s">
        <v>159</v>
      </c>
      <c r="H302" s="203" t="s">
        <v>159</v>
      </c>
      <c r="I302" s="203" t="s">
        <v>159</v>
      </c>
      <c r="J302" s="203" t="s">
        <v>159</v>
      </c>
      <c r="K302" s="203" t="s">
        <v>159</v>
      </c>
      <c r="L302" s="203" t="s">
        <v>159</v>
      </c>
      <c r="M302" s="204" t="s">
        <v>159</v>
      </c>
      <c r="N302" s="204" t="s">
        <v>159</v>
      </c>
      <c r="O302" s="204" t="s">
        <v>159</v>
      </c>
      <c r="P302" s="205" t="s">
        <v>223</v>
      </c>
      <c r="Q302" s="185" t="s">
        <v>977</v>
      </c>
      <c r="R302" s="185">
        <v>1</v>
      </c>
    </row>
    <row r="303" spans="2:18" s="53" customFormat="1" ht="18.649999999999999" customHeight="1">
      <c r="B303" s="86" t="s">
        <v>804</v>
      </c>
      <c r="C303" s="138" t="s">
        <v>172</v>
      </c>
      <c r="D303" s="138" t="s">
        <v>172</v>
      </c>
      <c r="E303" s="87" t="s">
        <v>172</v>
      </c>
      <c r="F303" s="87" t="s">
        <v>172</v>
      </c>
      <c r="G303" s="157" t="s">
        <v>172</v>
      </c>
      <c r="H303" s="157" t="s">
        <v>172</v>
      </c>
      <c r="I303" s="157" t="s">
        <v>172</v>
      </c>
      <c r="J303" s="157" t="s">
        <v>172</v>
      </c>
      <c r="K303" s="157" t="s">
        <v>172</v>
      </c>
      <c r="L303" s="157" t="s">
        <v>172</v>
      </c>
      <c r="M303" s="174" t="s">
        <v>172</v>
      </c>
      <c r="N303" s="174" t="s">
        <v>172</v>
      </c>
      <c r="O303" s="174" t="s">
        <v>172</v>
      </c>
      <c r="P303" s="88" t="s">
        <v>223</v>
      </c>
      <c r="Q303" s="89" t="s">
        <v>805</v>
      </c>
      <c r="R303" s="89">
        <v>1</v>
      </c>
    </row>
    <row r="304" spans="2:18">
      <c r="B304" s="86" t="s">
        <v>804</v>
      </c>
      <c r="C304" s="138" t="s">
        <v>172</v>
      </c>
      <c r="D304" s="138" t="s">
        <v>172</v>
      </c>
      <c r="E304" s="87" t="s">
        <v>172</v>
      </c>
      <c r="F304" s="87" t="s">
        <v>172</v>
      </c>
      <c r="G304" s="157" t="s">
        <v>172</v>
      </c>
      <c r="H304" s="157" t="s">
        <v>172</v>
      </c>
      <c r="I304" s="157" t="s">
        <v>172</v>
      </c>
      <c r="J304" s="157" t="s">
        <v>172</v>
      </c>
      <c r="K304" s="157" t="s">
        <v>172</v>
      </c>
      <c r="L304" s="157" t="s">
        <v>172</v>
      </c>
      <c r="M304" s="174" t="s">
        <v>172</v>
      </c>
      <c r="N304" s="174" t="s">
        <v>172</v>
      </c>
      <c r="O304" s="174" t="s">
        <v>172</v>
      </c>
      <c r="P304" s="89" t="s">
        <v>734</v>
      </c>
      <c r="Q304" s="89" t="s">
        <v>808</v>
      </c>
      <c r="R304" s="89">
        <v>5</v>
      </c>
    </row>
    <row r="305" spans="1:24">
      <c r="B305" s="86" t="s">
        <v>804</v>
      </c>
      <c r="C305" s="138" t="s">
        <v>172</v>
      </c>
      <c r="D305" s="138" t="s">
        <v>172</v>
      </c>
      <c r="E305" s="87" t="s">
        <v>172</v>
      </c>
      <c r="F305" s="87" t="s">
        <v>172</v>
      </c>
      <c r="G305" s="157" t="s">
        <v>172</v>
      </c>
      <c r="H305" s="157" t="s">
        <v>172</v>
      </c>
      <c r="I305" s="157" t="s">
        <v>172</v>
      </c>
      <c r="J305" s="157" t="s">
        <v>172</v>
      </c>
      <c r="K305" s="157" t="s">
        <v>172</v>
      </c>
      <c r="L305" s="157" t="s">
        <v>172</v>
      </c>
      <c r="M305" s="174" t="s">
        <v>172</v>
      </c>
      <c r="N305" s="174" t="s">
        <v>172</v>
      </c>
      <c r="O305" s="174" t="s">
        <v>172</v>
      </c>
      <c r="P305" s="89" t="s">
        <v>734</v>
      </c>
      <c r="Q305" s="97" t="s">
        <v>202</v>
      </c>
      <c r="R305" s="89">
        <v>1</v>
      </c>
    </row>
    <row r="306" spans="1:24">
      <c r="B306" s="86" t="s">
        <v>804</v>
      </c>
      <c r="C306" s="138" t="s">
        <v>172</v>
      </c>
      <c r="D306" s="138" t="s">
        <v>172</v>
      </c>
      <c r="E306" s="87" t="s">
        <v>172</v>
      </c>
      <c r="F306" s="87" t="s">
        <v>172</v>
      </c>
      <c r="G306" s="157" t="s">
        <v>172</v>
      </c>
      <c r="H306" s="157" t="s">
        <v>172</v>
      </c>
      <c r="I306" s="157" t="s">
        <v>172</v>
      </c>
      <c r="J306" s="157" t="s">
        <v>172</v>
      </c>
      <c r="K306" s="157" t="s">
        <v>172</v>
      </c>
      <c r="L306" s="157" t="s">
        <v>172</v>
      </c>
      <c r="M306" s="174" t="s">
        <v>172</v>
      </c>
      <c r="N306" s="174" t="s">
        <v>172</v>
      </c>
      <c r="O306" s="174" t="s">
        <v>172</v>
      </c>
      <c r="P306" s="89" t="s">
        <v>734</v>
      </c>
      <c r="Q306" s="97" t="s">
        <v>203</v>
      </c>
      <c r="R306" s="89">
        <v>2</v>
      </c>
    </row>
    <row r="307" spans="1:24">
      <c r="B307" s="86"/>
      <c r="C307" s="138"/>
      <c r="D307" s="138"/>
      <c r="E307" s="87"/>
      <c r="F307" s="87"/>
      <c r="G307" s="157"/>
      <c r="H307" s="157"/>
      <c r="I307" s="157"/>
      <c r="J307" s="157"/>
      <c r="K307" s="157"/>
      <c r="L307" s="157"/>
      <c r="M307" s="174"/>
      <c r="N307" s="174"/>
      <c r="O307" s="174"/>
      <c r="P307" s="89"/>
      <c r="Q307" s="97"/>
      <c r="R307" s="89"/>
    </row>
    <row r="308" spans="1:24">
      <c r="A308" t="s">
        <v>809</v>
      </c>
      <c r="B308" s="86" t="s">
        <v>975</v>
      </c>
      <c r="C308" s="138" t="s">
        <v>172</v>
      </c>
      <c r="D308" s="138" t="s">
        <v>172</v>
      </c>
      <c r="E308" s="87" t="s">
        <v>172</v>
      </c>
      <c r="F308" s="87" t="s">
        <v>172</v>
      </c>
      <c r="G308" s="157" t="s">
        <v>172</v>
      </c>
      <c r="H308" s="157" t="s">
        <v>172</v>
      </c>
      <c r="I308" s="157" t="s">
        <v>172</v>
      </c>
      <c r="J308" s="157" t="s">
        <v>172</v>
      </c>
      <c r="K308" s="157" t="s">
        <v>172</v>
      </c>
      <c r="L308" s="157" t="s">
        <v>172</v>
      </c>
      <c r="M308" s="174" t="s">
        <v>172</v>
      </c>
      <c r="N308" s="174" t="s">
        <v>172</v>
      </c>
      <c r="O308" s="174" t="s">
        <v>172</v>
      </c>
      <c r="P308" s="88" t="s">
        <v>223</v>
      </c>
      <c r="Q308" s="185" t="s">
        <v>959</v>
      </c>
      <c r="R308" s="89">
        <v>1</v>
      </c>
    </row>
    <row r="309" spans="1:24">
      <c r="B309" s="86" t="s">
        <v>811</v>
      </c>
      <c r="C309" s="138" t="s">
        <v>172</v>
      </c>
      <c r="D309" s="138" t="s">
        <v>172</v>
      </c>
      <c r="E309" s="87" t="s">
        <v>172</v>
      </c>
      <c r="F309" s="87" t="s">
        <v>172</v>
      </c>
      <c r="G309" s="157" t="s">
        <v>172</v>
      </c>
      <c r="H309" s="157" t="s">
        <v>172</v>
      </c>
      <c r="I309" s="157" t="s">
        <v>172</v>
      </c>
      <c r="J309" s="157" t="s">
        <v>172</v>
      </c>
      <c r="K309" s="157" t="s">
        <v>172</v>
      </c>
      <c r="L309" s="157" t="s">
        <v>172</v>
      </c>
      <c r="M309" s="174" t="s">
        <v>172</v>
      </c>
      <c r="N309" s="174" t="s">
        <v>172</v>
      </c>
      <c r="O309" s="174" t="s">
        <v>172</v>
      </c>
      <c r="P309" s="88" t="s">
        <v>223</v>
      </c>
      <c r="Q309" s="185" t="s">
        <v>960</v>
      </c>
      <c r="R309" s="89">
        <v>1</v>
      </c>
    </row>
    <row r="310" spans="1:24">
      <c r="B310" s="52"/>
      <c r="C310" s="140"/>
      <c r="D310" s="140"/>
      <c r="E310" s="64"/>
      <c r="F310" s="64"/>
      <c r="G310" s="160"/>
      <c r="H310" s="160"/>
      <c r="I310" s="160"/>
      <c r="J310" s="160"/>
      <c r="K310" s="160"/>
      <c r="L310" s="160"/>
      <c r="M310" s="177"/>
      <c r="N310" s="177"/>
      <c r="O310" s="177"/>
      <c r="P310" s="40"/>
      <c r="Q310" s="41"/>
      <c r="R310" s="40"/>
    </row>
    <row r="311" spans="1:24" s="35" customFormat="1" ht="29">
      <c r="A311" s="68">
        <v>116</v>
      </c>
      <c r="B311" s="14" t="s">
        <v>705</v>
      </c>
      <c r="C311" s="133"/>
      <c r="D311" s="133"/>
      <c r="E311" s="28"/>
      <c r="F311" s="28"/>
      <c r="G311" s="152"/>
      <c r="H311" s="152"/>
      <c r="I311" s="152"/>
      <c r="J311" s="152"/>
      <c r="K311" s="152"/>
      <c r="L311" s="152"/>
      <c r="M311" s="169"/>
      <c r="N311" s="169"/>
      <c r="O311" s="169"/>
      <c r="P311" s="47"/>
      <c r="Q311" s="47"/>
      <c r="R311" s="47"/>
      <c r="S311" s="47"/>
      <c r="T311" s="47"/>
      <c r="U311" s="47"/>
      <c r="V311" s="47"/>
      <c r="W311" s="47"/>
      <c r="X311" s="47"/>
    </row>
    <row r="312" spans="1:24" s="35" customFormat="1">
      <c r="A312" s="47"/>
      <c r="B312" s="63" t="s">
        <v>706</v>
      </c>
      <c r="C312" s="133" t="s">
        <v>159</v>
      </c>
      <c r="D312" s="133" t="s">
        <v>159</v>
      </c>
      <c r="E312" s="28" t="s">
        <v>159</v>
      </c>
      <c r="F312" s="28" t="s">
        <v>159</v>
      </c>
      <c r="G312" s="152" t="s">
        <v>172</v>
      </c>
      <c r="H312" s="152" t="s">
        <v>172</v>
      </c>
      <c r="I312" s="152" t="s">
        <v>172</v>
      </c>
      <c r="J312" s="152" t="s">
        <v>172</v>
      </c>
      <c r="K312" s="152" t="s">
        <v>172</v>
      </c>
      <c r="L312" s="152" t="s">
        <v>172</v>
      </c>
      <c r="M312" s="169" t="s">
        <v>159</v>
      </c>
      <c r="N312" s="169" t="s">
        <v>159</v>
      </c>
      <c r="O312" s="169" t="s">
        <v>159</v>
      </c>
      <c r="P312" s="13" t="s">
        <v>711</v>
      </c>
      <c r="Q312" s="14" t="s">
        <v>715</v>
      </c>
      <c r="R312" s="13">
        <v>150</v>
      </c>
      <c r="S312" s="47"/>
      <c r="T312" s="47"/>
      <c r="U312" s="47"/>
      <c r="V312" s="47"/>
      <c r="W312" s="47"/>
      <c r="X312" s="47"/>
    </row>
    <row r="313" spans="1:24" s="35" customFormat="1">
      <c r="A313" s="47"/>
      <c r="B313" s="63" t="s">
        <v>707</v>
      </c>
      <c r="C313" s="133" t="s">
        <v>159</v>
      </c>
      <c r="D313" s="133" t="s">
        <v>159</v>
      </c>
      <c r="E313" s="28" t="s">
        <v>159</v>
      </c>
      <c r="F313" s="28" t="s">
        <v>159</v>
      </c>
      <c r="G313" s="152" t="s">
        <v>172</v>
      </c>
      <c r="H313" s="152" t="s">
        <v>172</v>
      </c>
      <c r="I313" s="152" t="s">
        <v>172</v>
      </c>
      <c r="J313" s="152" t="s">
        <v>172</v>
      </c>
      <c r="K313" s="152" t="s">
        <v>172</v>
      </c>
      <c r="L313" s="152" t="s">
        <v>172</v>
      </c>
      <c r="M313" s="169" t="s">
        <v>159</v>
      </c>
      <c r="N313" s="169" t="s">
        <v>159</v>
      </c>
      <c r="O313" s="169" t="s">
        <v>159</v>
      </c>
      <c r="P313" s="13" t="s">
        <v>712</v>
      </c>
      <c r="Q313" s="14" t="s">
        <v>719</v>
      </c>
      <c r="R313" s="13">
        <v>151</v>
      </c>
      <c r="S313" s="47"/>
      <c r="T313" s="47"/>
      <c r="U313" s="47"/>
      <c r="V313" s="47"/>
      <c r="W313" s="47"/>
      <c r="X313" s="47"/>
    </row>
    <row r="314" spans="1:24" s="35" customFormat="1">
      <c r="A314" s="47"/>
      <c r="B314" s="63" t="s">
        <v>708</v>
      </c>
      <c r="C314" s="133" t="s">
        <v>159</v>
      </c>
      <c r="D314" s="133" t="s">
        <v>159</v>
      </c>
      <c r="E314" s="28" t="s">
        <v>159</v>
      </c>
      <c r="F314" s="28" t="s">
        <v>159</v>
      </c>
      <c r="G314" s="152" t="s">
        <v>172</v>
      </c>
      <c r="H314" s="152" t="s">
        <v>172</v>
      </c>
      <c r="I314" s="152" t="s">
        <v>172</v>
      </c>
      <c r="J314" s="152" t="s">
        <v>172</v>
      </c>
      <c r="K314" s="152" t="s">
        <v>172</v>
      </c>
      <c r="L314" s="152" t="s">
        <v>172</v>
      </c>
      <c r="M314" s="169" t="s">
        <v>159</v>
      </c>
      <c r="N314" s="169" t="s">
        <v>159</v>
      </c>
      <c r="O314" s="169" t="s">
        <v>159</v>
      </c>
      <c r="P314" s="13" t="s">
        <v>713</v>
      </c>
      <c r="Q314" s="14" t="s">
        <v>728</v>
      </c>
      <c r="R314" s="13">
        <v>152</v>
      </c>
      <c r="S314" s="47"/>
      <c r="T314" s="47"/>
      <c r="U314" s="47"/>
      <c r="V314" s="47"/>
      <c r="W314" s="47"/>
      <c r="X314" s="47"/>
    </row>
    <row r="315" spans="1:24" s="35" customFormat="1">
      <c r="A315" s="47"/>
      <c r="B315" s="63" t="s">
        <v>709</v>
      </c>
      <c r="C315" s="133" t="s">
        <v>159</v>
      </c>
      <c r="D315" s="133" t="s">
        <v>159</v>
      </c>
      <c r="E315" s="28" t="s">
        <v>159</v>
      </c>
      <c r="F315" s="28" t="s">
        <v>159</v>
      </c>
      <c r="G315" s="152" t="s">
        <v>172</v>
      </c>
      <c r="H315" s="152" t="s">
        <v>172</v>
      </c>
      <c r="I315" s="152" t="s">
        <v>172</v>
      </c>
      <c r="J315" s="152" t="s">
        <v>172</v>
      </c>
      <c r="K315" s="152" t="s">
        <v>172</v>
      </c>
      <c r="L315" s="152" t="s">
        <v>172</v>
      </c>
      <c r="M315" s="169" t="s">
        <v>159</v>
      </c>
      <c r="N315" s="169" t="s">
        <v>159</v>
      </c>
      <c r="O315" s="169" t="s">
        <v>159</v>
      </c>
      <c r="P315" s="13" t="s">
        <v>714</v>
      </c>
      <c r="Q315" s="14" t="s">
        <v>729</v>
      </c>
      <c r="R315" s="13">
        <v>153</v>
      </c>
      <c r="S315" s="47"/>
      <c r="T315" s="47"/>
      <c r="U315" s="47"/>
      <c r="V315" s="47"/>
      <c r="W315" s="47"/>
      <c r="X315" s="47"/>
    </row>
    <row r="316" spans="1:24" s="35" customFormat="1">
      <c r="A316" s="47"/>
      <c r="B316" s="63" t="s">
        <v>710</v>
      </c>
      <c r="C316" s="133" t="s">
        <v>159</v>
      </c>
      <c r="D316" s="133" t="s">
        <v>159</v>
      </c>
      <c r="E316" s="28" t="s">
        <v>159</v>
      </c>
      <c r="F316" s="28" t="s">
        <v>159</v>
      </c>
      <c r="G316" s="152" t="s">
        <v>172</v>
      </c>
      <c r="H316" s="152" t="s">
        <v>172</v>
      </c>
      <c r="I316" s="152" t="s">
        <v>172</v>
      </c>
      <c r="J316" s="152" t="s">
        <v>172</v>
      </c>
      <c r="K316" s="152" t="s">
        <v>172</v>
      </c>
      <c r="L316" s="152" t="s">
        <v>172</v>
      </c>
      <c r="M316" s="169" t="s">
        <v>159</v>
      </c>
      <c r="N316" s="169" t="s">
        <v>159</v>
      </c>
      <c r="O316" s="169" t="s">
        <v>159</v>
      </c>
      <c r="P316" s="13" t="s">
        <v>722</v>
      </c>
      <c r="Q316" s="14" t="s">
        <v>730</v>
      </c>
      <c r="R316" s="13">
        <v>121</v>
      </c>
      <c r="S316" s="47"/>
      <c r="T316" s="47"/>
      <c r="U316" s="47"/>
      <c r="V316" s="47"/>
      <c r="W316" s="47"/>
      <c r="X316" s="47"/>
    </row>
    <row r="317" spans="1:24" s="35" customFormat="1">
      <c r="A317" s="47"/>
      <c r="B317" s="63"/>
      <c r="C317" s="133"/>
      <c r="D317" s="133"/>
      <c r="E317" s="28"/>
      <c r="F317" s="28"/>
      <c r="G317" s="152"/>
      <c r="H317" s="152"/>
      <c r="I317" s="152"/>
      <c r="J317" s="152"/>
      <c r="K317" s="152"/>
      <c r="L317" s="152"/>
      <c r="M317" s="169"/>
      <c r="N317" s="169"/>
      <c r="O317" s="169"/>
      <c r="P317" s="47"/>
      <c r="Q317" s="47"/>
      <c r="R317" s="47"/>
      <c r="S317" s="47"/>
      <c r="T317" s="47"/>
      <c r="U317" s="47"/>
      <c r="V317" s="47"/>
      <c r="W317" s="47"/>
      <c r="X317" s="47"/>
    </row>
    <row r="318" spans="1:24" s="35" customFormat="1">
      <c r="A318" s="47">
        <v>117</v>
      </c>
      <c r="B318" s="63" t="s">
        <v>716</v>
      </c>
      <c r="C318" s="133" t="s">
        <v>159</v>
      </c>
      <c r="D318" s="133" t="s">
        <v>159</v>
      </c>
      <c r="E318" s="28" t="s">
        <v>155</v>
      </c>
      <c r="F318" s="28" t="s">
        <v>155</v>
      </c>
      <c r="G318" s="152" t="s">
        <v>159</v>
      </c>
      <c r="H318" s="152" t="s">
        <v>159</v>
      </c>
      <c r="I318" s="152" t="s">
        <v>159</v>
      </c>
      <c r="J318" s="152" t="s">
        <v>159</v>
      </c>
      <c r="K318" s="152" t="s">
        <v>159</v>
      </c>
      <c r="L318" s="152" t="s">
        <v>159</v>
      </c>
      <c r="M318" s="169" t="s">
        <v>159</v>
      </c>
      <c r="N318" s="169" t="s">
        <v>159</v>
      </c>
      <c r="O318" s="169" t="s">
        <v>159</v>
      </c>
      <c r="P318" s="13" t="s">
        <v>717</v>
      </c>
      <c r="Q318" s="14" t="s">
        <v>718</v>
      </c>
      <c r="R318" s="47">
        <v>7</v>
      </c>
      <c r="S318" s="47"/>
      <c r="T318" s="47"/>
      <c r="U318" s="47"/>
      <c r="V318" s="47"/>
      <c r="W318" s="47"/>
      <c r="X318" s="47"/>
    </row>
    <row r="319" spans="1:24" s="35" customFormat="1">
      <c r="A319" s="47">
        <v>118</v>
      </c>
      <c r="B319" s="63" t="s">
        <v>740</v>
      </c>
      <c r="C319" s="133" t="s">
        <v>172</v>
      </c>
      <c r="D319" s="133" t="s">
        <v>172</v>
      </c>
      <c r="E319" s="28" t="s">
        <v>172</v>
      </c>
      <c r="F319" s="28" t="s">
        <v>172</v>
      </c>
      <c r="G319" s="152" t="s">
        <v>172</v>
      </c>
      <c r="H319" s="152" t="s">
        <v>172</v>
      </c>
      <c r="I319" s="152" t="s">
        <v>172</v>
      </c>
      <c r="J319" s="152" t="s">
        <v>172</v>
      </c>
      <c r="K319" s="152" t="s">
        <v>172</v>
      </c>
      <c r="L319" s="152" t="s">
        <v>172</v>
      </c>
      <c r="M319" s="169" t="s">
        <v>172</v>
      </c>
      <c r="N319" s="169" t="s">
        <v>172</v>
      </c>
      <c r="O319" s="169" t="s">
        <v>172</v>
      </c>
      <c r="P319" s="65" t="s">
        <v>736</v>
      </c>
      <c r="Q319" s="65" t="s">
        <v>737</v>
      </c>
      <c r="R319" s="47">
        <v>130</v>
      </c>
      <c r="S319" s="47"/>
      <c r="T319" s="47"/>
      <c r="U319" s="47"/>
      <c r="V319" s="47"/>
      <c r="W319" s="47"/>
      <c r="X319" s="47"/>
    </row>
    <row r="320" spans="1:24" s="35" customFormat="1">
      <c r="A320" s="47"/>
      <c r="B320" s="63" t="s">
        <v>741</v>
      </c>
      <c r="C320" s="133" t="s">
        <v>172</v>
      </c>
      <c r="D320" s="133" t="s">
        <v>172</v>
      </c>
      <c r="E320" s="28" t="s">
        <v>172</v>
      </c>
      <c r="F320" s="28" t="s">
        <v>172</v>
      </c>
      <c r="G320" s="152" t="s">
        <v>172</v>
      </c>
      <c r="H320" s="152" t="s">
        <v>172</v>
      </c>
      <c r="I320" s="152" t="s">
        <v>172</v>
      </c>
      <c r="J320" s="152" t="s">
        <v>172</v>
      </c>
      <c r="K320" s="152" t="s">
        <v>172</v>
      </c>
      <c r="L320" s="152" t="s">
        <v>172</v>
      </c>
      <c r="M320" s="169" t="s">
        <v>172</v>
      </c>
      <c r="N320" s="169" t="s">
        <v>172</v>
      </c>
      <c r="O320" s="169" t="s">
        <v>172</v>
      </c>
      <c r="P320" s="65" t="s">
        <v>738</v>
      </c>
      <c r="Q320" s="65" t="s">
        <v>739</v>
      </c>
      <c r="R320" s="47">
        <v>131</v>
      </c>
      <c r="S320" s="47"/>
      <c r="T320" s="47"/>
      <c r="U320" s="47"/>
      <c r="V320" s="47"/>
      <c r="W320" s="47"/>
      <c r="X320" s="47"/>
    </row>
    <row r="321" spans="1:24" s="35" customFormat="1" ht="25">
      <c r="A321" s="47"/>
      <c r="B321" s="63" t="s">
        <v>743</v>
      </c>
      <c r="C321" s="133" t="s">
        <v>172</v>
      </c>
      <c r="D321" s="133" t="s">
        <v>172</v>
      </c>
      <c r="E321" s="28" t="s">
        <v>172</v>
      </c>
      <c r="F321" s="28" t="s">
        <v>172</v>
      </c>
      <c r="G321" s="152" t="s">
        <v>172</v>
      </c>
      <c r="H321" s="152" t="s">
        <v>172</v>
      </c>
      <c r="I321" s="152" t="s">
        <v>172</v>
      </c>
      <c r="J321" s="152" t="s">
        <v>172</v>
      </c>
      <c r="K321" s="152" t="s">
        <v>172</v>
      </c>
      <c r="L321" s="152" t="s">
        <v>172</v>
      </c>
      <c r="M321" s="169" t="s">
        <v>172</v>
      </c>
      <c r="N321" s="169" t="s">
        <v>172</v>
      </c>
      <c r="O321" s="169" t="s">
        <v>172</v>
      </c>
      <c r="P321" s="233" t="s">
        <v>1025</v>
      </c>
      <c r="Q321" s="66" t="s">
        <v>744</v>
      </c>
      <c r="R321" s="47">
        <v>130</v>
      </c>
      <c r="S321" s="47"/>
      <c r="T321" s="47"/>
      <c r="U321" s="47"/>
      <c r="V321" s="47"/>
      <c r="W321" s="47"/>
      <c r="X321" s="47"/>
    </row>
    <row r="322" spans="1:24" s="35" customFormat="1">
      <c r="A322" s="104">
        <v>119</v>
      </c>
      <c r="B322" s="105" t="s">
        <v>952</v>
      </c>
      <c r="C322" s="138" t="s">
        <v>172</v>
      </c>
      <c r="D322" s="138" t="s">
        <v>172</v>
      </c>
      <c r="E322" s="87" t="s">
        <v>172</v>
      </c>
      <c r="F322" s="87" t="s">
        <v>172</v>
      </c>
      <c r="G322" s="157" t="s">
        <v>172</v>
      </c>
      <c r="H322" s="157" t="s">
        <v>172</v>
      </c>
      <c r="I322" s="157" t="s">
        <v>172</v>
      </c>
      <c r="J322" s="157" t="s">
        <v>172</v>
      </c>
      <c r="K322" s="157" t="s">
        <v>172</v>
      </c>
      <c r="L322" s="157" t="s">
        <v>172</v>
      </c>
      <c r="M322" s="174" t="s">
        <v>172</v>
      </c>
      <c r="N322" s="174" t="s">
        <v>172</v>
      </c>
      <c r="O322" s="174" t="s">
        <v>172</v>
      </c>
      <c r="P322" s="104" t="s">
        <v>747</v>
      </c>
      <c r="Q322" s="89" t="s">
        <v>752</v>
      </c>
      <c r="R322" s="104">
        <v>100</v>
      </c>
      <c r="S322" s="47"/>
      <c r="T322" s="47"/>
      <c r="U322" s="47"/>
      <c r="V322" s="47"/>
      <c r="W322" s="47"/>
      <c r="X322" s="47"/>
    </row>
    <row r="323" spans="1:24" s="35" customFormat="1">
      <c r="A323" s="104">
        <v>120</v>
      </c>
      <c r="B323" s="86" t="s">
        <v>7</v>
      </c>
      <c r="C323" s="138" t="s">
        <v>155</v>
      </c>
      <c r="D323" s="138" t="s">
        <v>155</v>
      </c>
      <c r="E323" s="87" t="s">
        <v>155</v>
      </c>
      <c r="F323" s="87" t="s">
        <v>155</v>
      </c>
      <c r="G323" s="157" t="s">
        <v>155</v>
      </c>
      <c r="H323" s="157" t="s">
        <v>155</v>
      </c>
      <c r="I323" s="157" t="s">
        <v>155</v>
      </c>
      <c r="J323" s="157" t="s">
        <v>155</v>
      </c>
      <c r="K323" s="157" t="s">
        <v>155</v>
      </c>
      <c r="L323" s="157" t="s">
        <v>155</v>
      </c>
      <c r="M323" s="174" t="s">
        <v>155</v>
      </c>
      <c r="N323" s="174" t="s">
        <v>155</v>
      </c>
      <c r="O323" s="174" t="s">
        <v>155</v>
      </c>
      <c r="P323" s="104" t="s">
        <v>748</v>
      </c>
      <c r="Q323" s="97" t="s">
        <v>183</v>
      </c>
      <c r="R323" s="104">
        <v>101</v>
      </c>
      <c r="S323" s="47"/>
      <c r="T323" s="47"/>
      <c r="U323" s="47"/>
      <c r="V323" s="47"/>
      <c r="W323" s="47"/>
      <c r="X323" s="47"/>
    </row>
    <row r="324" spans="1:24" s="35" customFormat="1">
      <c r="A324" s="104"/>
      <c r="B324" s="86" t="s">
        <v>8</v>
      </c>
      <c r="C324" s="138" t="s">
        <v>155</v>
      </c>
      <c r="D324" s="138" t="s">
        <v>155</v>
      </c>
      <c r="E324" s="87" t="s">
        <v>155</v>
      </c>
      <c r="F324" s="87" t="s">
        <v>155</v>
      </c>
      <c r="G324" s="157" t="s">
        <v>155</v>
      </c>
      <c r="H324" s="157" t="s">
        <v>155</v>
      </c>
      <c r="I324" s="157" t="s">
        <v>155</v>
      </c>
      <c r="J324" s="157" t="s">
        <v>155</v>
      </c>
      <c r="K324" s="157" t="s">
        <v>155</v>
      </c>
      <c r="L324" s="157" t="s">
        <v>155</v>
      </c>
      <c r="M324" s="174" t="s">
        <v>155</v>
      </c>
      <c r="N324" s="174" t="s">
        <v>155</v>
      </c>
      <c r="O324" s="174" t="s">
        <v>155</v>
      </c>
      <c r="P324" s="104" t="s">
        <v>801</v>
      </c>
      <c r="Q324" s="97" t="s">
        <v>185</v>
      </c>
      <c r="R324" s="104">
        <v>102</v>
      </c>
      <c r="S324" s="47"/>
      <c r="T324" s="47"/>
      <c r="U324" s="47"/>
      <c r="V324" s="47"/>
      <c r="W324" s="47"/>
      <c r="X324" s="47"/>
    </row>
    <row r="325" spans="1:24" s="35" customFormat="1">
      <c r="A325" s="104"/>
      <c r="B325" s="86" t="s">
        <v>9</v>
      </c>
      <c r="C325" s="138" t="s">
        <v>155</v>
      </c>
      <c r="D325" s="138" t="s">
        <v>155</v>
      </c>
      <c r="E325" s="87" t="s">
        <v>155</v>
      </c>
      <c r="F325" s="87" t="s">
        <v>155</v>
      </c>
      <c r="G325" s="157" t="s">
        <v>155</v>
      </c>
      <c r="H325" s="157" t="s">
        <v>155</v>
      </c>
      <c r="I325" s="157" t="s">
        <v>155</v>
      </c>
      <c r="J325" s="157" t="s">
        <v>155</v>
      </c>
      <c r="K325" s="157" t="s">
        <v>155</v>
      </c>
      <c r="L325" s="157" t="s">
        <v>155</v>
      </c>
      <c r="M325" s="174" t="s">
        <v>155</v>
      </c>
      <c r="N325" s="174" t="s">
        <v>155</v>
      </c>
      <c r="O325" s="174" t="s">
        <v>155</v>
      </c>
      <c r="P325" s="104" t="s">
        <v>802</v>
      </c>
      <c r="Q325" s="97" t="s">
        <v>187</v>
      </c>
      <c r="R325" s="104">
        <v>103</v>
      </c>
      <c r="S325" s="47"/>
      <c r="T325" s="47"/>
      <c r="U325" s="47"/>
      <c r="V325" s="47"/>
      <c r="W325" s="47"/>
      <c r="X325" s="47"/>
    </row>
    <row r="326" spans="1:24" s="35" customFormat="1">
      <c r="A326" s="104"/>
      <c r="B326" s="86" t="s">
        <v>10</v>
      </c>
      <c r="C326" s="138" t="s">
        <v>155</v>
      </c>
      <c r="D326" s="138" t="s">
        <v>155</v>
      </c>
      <c r="E326" s="87" t="s">
        <v>155</v>
      </c>
      <c r="F326" s="87" t="s">
        <v>155</v>
      </c>
      <c r="G326" s="157" t="s">
        <v>155</v>
      </c>
      <c r="H326" s="157" t="s">
        <v>155</v>
      </c>
      <c r="I326" s="157" t="s">
        <v>155</v>
      </c>
      <c r="J326" s="157" t="s">
        <v>155</v>
      </c>
      <c r="K326" s="157" t="s">
        <v>155</v>
      </c>
      <c r="L326" s="157" t="s">
        <v>155</v>
      </c>
      <c r="M326" s="174" t="s">
        <v>155</v>
      </c>
      <c r="N326" s="174" t="s">
        <v>155</v>
      </c>
      <c r="O326" s="174" t="s">
        <v>155</v>
      </c>
      <c r="P326" s="104" t="s">
        <v>751</v>
      </c>
      <c r="Q326" s="97" t="s">
        <v>189</v>
      </c>
      <c r="R326" s="104">
        <v>104</v>
      </c>
      <c r="S326" s="47"/>
      <c r="T326" s="47"/>
      <c r="U326" s="47"/>
      <c r="V326" s="47"/>
      <c r="W326" s="47"/>
      <c r="X326" s="47"/>
    </row>
    <row r="327" spans="1:24" s="35" customFormat="1" ht="16.25" customHeight="1">
      <c r="A327" s="104">
        <v>121</v>
      </c>
      <c r="B327" s="105" t="s">
        <v>745</v>
      </c>
      <c r="C327" s="138" t="s">
        <v>172</v>
      </c>
      <c r="D327" s="138" t="s">
        <v>172</v>
      </c>
      <c r="E327" s="87" t="s">
        <v>172</v>
      </c>
      <c r="F327" s="87" t="s">
        <v>172</v>
      </c>
      <c r="G327" s="157" t="s">
        <v>172</v>
      </c>
      <c r="H327" s="157" t="s">
        <v>172</v>
      </c>
      <c r="I327" s="157" t="s">
        <v>172</v>
      </c>
      <c r="J327" s="157" t="s">
        <v>172</v>
      </c>
      <c r="K327" s="157" t="s">
        <v>172</v>
      </c>
      <c r="L327" s="157" t="s">
        <v>172</v>
      </c>
      <c r="M327" s="174" t="s">
        <v>172</v>
      </c>
      <c r="N327" s="174" t="s">
        <v>172</v>
      </c>
      <c r="O327" s="174" t="s">
        <v>172</v>
      </c>
      <c r="P327" s="104" t="s">
        <v>749</v>
      </c>
      <c r="Q327" s="97" t="s">
        <v>753</v>
      </c>
      <c r="R327" s="104">
        <v>105</v>
      </c>
      <c r="S327" s="47"/>
      <c r="T327" s="47"/>
      <c r="U327" s="47"/>
      <c r="V327" s="47"/>
      <c r="W327" s="47"/>
      <c r="X327" s="47"/>
    </row>
    <row r="328" spans="1:24" s="35" customFormat="1">
      <c r="A328" s="104"/>
      <c r="B328" s="105" t="s">
        <v>746</v>
      </c>
      <c r="C328" s="138" t="s">
        <v>172</v>
      </c>
      <c r="D328" s="138" t="s">
        <v>172</v>
      </c>
      <c r="E328" s="87" t="s">
        <v>172</v>
      </c>
      <c r="F328" s="87" t="s">
        <v>172</v>
      </c>
      <c r="G328" s="157" t="s">
        <v>172</v>
      </c>
      <c r="H328" s="157" t="s">
        <v>172</v>
      </c>
      <c r="I328" s="157" t="s">
        <v>172</v>
      </c>
      <c r="J328" s="157" t="s">
        <v>172</v>
      </c>
      <c r="K328" s="157" t="s">
        <v>172</v>
      </c>
      <c r="L328" s="157" t="s">
        <v>172</v>
      </c>
      <c r="M328" s="174" t="s">
        <v>172</v>
      </c>
      <c r="N328" s="174" t="s">
        <v>172</v>
      </c>
      <c r="O328" s="174" t="s">
        <v>172</v>
      </c>
      <c r="P328" s="104" t="s">
        <v>750</v>
      </c>
      <c r="Q328" s="97" t="s">
        <v>754</v>
      </c>
      <c r="R328" s="104">
        <v>106</v>
      </c>
      <c r="S328" s="47"/>
      <c r="T328" s="47"/>
      <c r="U328" s="47"/>
      <c r="V328" s="47"/>
      <c r="W328" s="47"/>
      <c r="X328" s="47"/>
    </row>
    <row r="329" spans="1:24" s="35" customFormat="1">
      <c r="A329" s="47">
        <v>122</v>
      </c>
      <c r="B329" s="63" t="s">
        <v>767</v>
      </c>
      <c r="C329" s="133" t="s">
        <v>155</v>
      </c>
      <c r="D329" s="133" t="s">
        <v>155</v>
      </c>
      <c r="E329" s="28" t="s">
        <v>155</v>
      </c>
      <c r="F329" s="28" t="s">
        <v>155</v>
      </c>
      <c r="G329" s="152" t="s">
        <v>155</v>
      </c>
      <c r="H329" s="152" t="s">
        <v>155</v>
      </c>
      <c r="I329" s="152" t="s">
        <v>155</v>
      </c>
      <c r="J329" s="152" t="s">
        <v>155</v>
      </c>
      <c r="K329" s="152" t="s">
        <v>155</v>
      </c>
      <c r="L329" s="152" t="s">
        <v>155</v>
      </c>
      <c r="M329" s="169" t="s">
        <v>155</v>
      </c>
      <c r="N329" s="169" t="s">
        <v>155</v>
      </c>
      <c r="O329" s="169" t="s">
        <v>155</v>
      </c>
      <c r="P329" s="47" t="s">
        <v>768</v>
      </c>
      <c r="Q329" s="14" t="s">
        <v>769</v>
      </c>
      <c r="R329" s="47">
        <v>6</v>
      </c>
      <c r="S329" s="47"/>
      <c r="T329" s="47"/>
      <c r="U329" s="47"/>
      <c r="V329" s="47"/>
      <c r="W329" s="47"/>
      <c r="X329" s="47"/>
    </row>
    <row r="330" spans="1:24" s="34" customFormat="1">
      <c r="A330" s="47"/>
      <c r="B330" s="51"/>
      <c r="C330" s="141"/>
      <c r="D330" s="141"/>
      <c r="E330" s="145"/>
      <c r="F330" s="145"/>
      <c r="G330" s="161"/>
      <c r="H330" s="161"/>
      <c r="I330" s="161"/>
      <c r="J330" s="161"/>
      <c r="K330" s="161"/>
      <c r="L330" s="161"/>
      <c r="M330" s="178"/>
      <c r="N330" s="178"/>
      <c r="O330" s="178"/>
      <c r="P330" s="50"/>
      <c r="Q330" s="50"/>
      <c r="R330" s="50"/>
      <c r="S330" s="46"/>
      <c r="T330" s="46"/>
      <c r="U330" s="46"/>
      <c r="V330" s="46"/>
      <c r="W330" s="46"/>
      <c r="X330" s="46"/>
    </row>
    <row r="331" spans="1:24" s="34" customFormat="1">
      <c r="A331" s="104">
        <v>123</v>
      </c>
      <c r="B331" s="105" t="s">
        <v>835</v>
      </c>
      <c r="C331" s="138" t="s">
        <v>172</v>
      </c>
      <c r="D331" s="138" t="s">
        <v>172</v>
      </c>
      <c r="E331" s="87" t="s">
        <v>172</v>
      </c>
      <c r="F331" s="87" t="s">
        <v>172</v>
      </c>
      <c r="G331" s="157" t="s">
        <v>172</v>
      </c>
      <c r="H331" s="157" t="s">
        <v>172</v>
      </c>
      <c r="I331" s="157" t="s">
        <v>172</v>
      </c>
      <c r="J331" s="157" t="s">
        <v>172</v>
      </c>
      <c r="K331" s="157" t="s">
        <v>172</v>
      </c>
      <c r="L331" s="157" t="s">
        <v>172</v>
      </c>
      <c r="M331" s="174" t="s">
        <v>172</v>
      </c>
      <c r="N331" s="174" t="s">
        <v>172</v>
      </c>
      <c r="O331" s="174" t="s">
        <v>172</v>
      </c>
      <c r="P331" s="88" t="s">
        <v>223</v>
      </c>
      <c r="Q331" s="105" t="s">
        <v>819</v>
      </c>
      <c r="R331" s="105">
        <v>1</v>
      </c>
      <c r="S331" s="46"/>
      <c r="T331" s="46"/>
      <c r="U331" s="46"/>
      <c r="V331" s="46"/>
      <c r="W331" s="46"/>
      <c r="X331" s="46"/>
    </row>
    <row r="332" spans="1:24" s="34" customFormat="1">
      <c r="A332" s="104"/>
      <c r="B332" s="105"/>
      <c r="C332" s="138" t="s">
        <v>172</v>
      </c>
      <c r="D332" s="138" t="s">
        <v>172</v>
      </c>
      <c r="E332" s="87" t="s">
        <v>172</v>
      </c>
      <c r="F332" s="87" t="s">
        <v>172</v>
      </c>
      <c r="G332" s="157" t="s">
        <v>172</v>
      </c>
      <c r="H332" s="157" t="s">
        <v>172</v>
      </c>
      <c r="I332" s="157" t="s">
        <v>172</v>
      </c>
      <c r="J332" s="157" t="s">
        <v>172</v>
      </c>
      <c r="K332" s="157" t="s">
        <v>172</v>
      </c>
      <c r="L332" s="157" t="s">
        <v>172</v>
      </c>
      <c r="M332" s="174" t="s">
        <v>172</v>
      </c>
      <c r="N332" s="174" t="s">
        <v>172</v>
      </c>
      <c r="O332" s="174" t="s">
        <v>172</v>
      </c>
      <c r="P332" s="88" t="s">
        <v>223</v>
      </c>
      <c r="Q332" s="105" t="s">
        <v>815</v>
      </c>
      <c r="R332" s="105">
        <v>1</v>
      </c>
      <c r="S332" s="46"/>
      <c r="T332" s="46"/>
      <c r="U332" s="46"/>
      <c r="V332" s="46"/>
      <c r="W332" s="46"/>
      <c r="X332" s="46"/>
    </row>
    <row r="333" spans="1:24" s="34" customFormat="1">
      <c r="A333" s="106"/>
      <c r="B333" s="107"/>
      <c r="C333" s="138" t="s">
        <v>172</v>
      </c>
      <c r="D333" s="138" t="s">
        <v>172</v>
      </c>
      <c r="E333" s="87" t="s">
        <v>172</v>
      </c>
      <c r="F333" s="87" t="s">
        <v>172</v>
      </c>
      <c r="G333" s="157" t="s">
        <v>172</v>
      </c>
      <c r="H333" s="157" t="s">
        <v>172</v>
      </c>
      <c r="I333" s="157" t="s">
        <v>172</v>
      </c>
      <c r="J333" s="157" t="s">
        <v>172</v>
      </c>
      <c r="K333" s="157" t="s">
        <v>172</v>
      </c>
      <c r="L333" s="157" t="s">
        <v>172</v>
      </c>
      <c r="M333" s="174" t="s">
        <v>172</v>
      </c>
      <c r="N333" s="174" t="s">
        <v>172</v>
      </c>
      <c r="O333" s="174" t="s">
        <v>172</v>
      </c>
      <c r="P333" s="88" t="s">
        <v>223</v>
      </c>
      <c r="Q333" s="104" t="s">
        <v>816</v>
      </c>
      <c r="R333" s="105">
        <v>1</v>
      </c>
      <c r="S333" s="46"/>
      <c r="T333" s="46"/>
      <c r="U333" s="46"/>
      <c r="V333" s="46"/>
      <c r="W333" s="46"/>
      <c r="X333" s="46"/>
    </row>
    <row r="334" spans="1:24" s="46" customFormat="1">
      <c r="A334" s="104"/>
      <c r="B334" s="105"/>
      <c r="C334" s="138" t="s">
        <v>172</v>
      </c>
      <c r="D334" s="138" t="s">
        <v>172</v>
      </c>
      <c r="E334" s="87" t="s">
        <v>172</v>
      </c>
      <c r="F334" s="87" t="s">
        <v>172</v>
      </c>
      <c r="G334" s="157" t="s">
        <v>172</v>
      </c>
      <c r="H334" s="157" t="s">
        <v>172</v>
      </c>
      <c r="I334" s="157" t="s">
        <v>172</v>
      </c>
      <c r="J334" s="157" t="s">
        <v>172</v>
      </c>
      <c r="K334" s="157" t="s">
        <v>172</v>
      </c>
      <c r="L334" s="157" t="s">
        <v>172</v>
      </c>
      <c r="M334" s="174" t="s">
        <v>172</v>
      </c>
      <c r="N334" s="174" t="s">
        <v>172</v>
      </c>
      <c r="O334" s="174" t="s">
        <v>172</v>
      </c>
      <c r="P334" s="88" t="s">
        <v>223</v>
      </c>
      <c r="Q334" s="104" t="s">
        <v>817</v>
      </c>
      <c r="R334" s="105">
        <v>1</v>
      </c>
    </row>
    <row r="335" spans="1:24" s="46" customFormat="1">
      <c r="A335" s="104"/>
      <c r="B335" s="105"/>
      <c r="C335" s="138" t="s">
        <v>172</v>
      </c>
      <c r="D335" s="138" t="s">
        <v>172</v>
      </c>
      <c r="E335" s="87" t="s">
        <v>172</v>
      </c>
      <c r="F335" s="87" t="s">
        <v>172</v>
      </c>
      <c r="G335" s="157" t="s">
        <v>172</v>
      </c>
      <c r="H335" s="157" t="s">
        <v>172</v>
      </c>
      <c r="I335" s="157" t="s">
        <v>172</v>
      </c>
      <c r="J335" s="157" t="s">
        <v>172</v>
      </c>
      <c r="K335" s="157" t="s">
        <v>172</v>
      </c>
      <c r="L335" s="157" t="s">
        <v>172</v>
      </c>
      <c r="M335" s="174" t="s">
        <v>172</v>
      </c>
      <c r="N335" s="174" t="s">
        <v>172</v>
      </c>
      <c r="O335" s="174" t="s">
        <v>172</v>
      </c>
      <c r="P335" s="88" t="s">
        <v>223</v>
      </c>
      <c r="Q335" s="104" t="s">
        <v>818</v>
      </c>
      <c r="R335" s="105">
        <v>1</v>
      </c>
    </row>
    <row r="336" spans="1:24" s="46" customFormat="1">
      <c r="A336" s="104"/>
      <c r="B336" s="105"/>
      <c r="C336" s="138" t="s">
        <v>172</v>
      </c>
      <c r="D336" s="138" t="s">
        <v>172</v>
      </c>
      <c r="E336" s="87" t="s">
        <v>172</v>
      </c>
      <c r="F336" s="87" t="s">
        <v>172</v>
      </c>
      <c r="G336" s="157" t="s">
        <v>172</v>
      </c>
      <c r="H336" s="157" t="s">
        <v>172</v>
      </c>
      <c r="I336" s="157" t="s">
        <v>172</v>
      </c>
      <c r="J336" s="157" t="s">
        <v>172</v>
      </c>
      <c r="K336" s="157" t="s">
        <v>172</v>
      </c>
      <c r="L336" s="157" t="s">
        <v>172</v>
      </c>
      <c r="M336" s="174" t="s">
        <v>172</v>
      </c>
      <c r="N336" s="174" t="s">
        <v>172</v>
      </c>
      <c r="O336" s="174" t="s">
        <v>172</v>
      </c>
      <c r="P336" s="88" t="s">
        <v>223</v>
      </c>
      <c r="Q336" s="104" t="s">
        <v>820</v>
      </c>
      <c r="R336" s="105">
        <v>1</v>
      </c>
    </row>
    <row r="337" spans="1:18" s="46" customFormat="1">
      <c r="A337" s="104"/>
      <c r="B337" s="105"/>
      <c r="C337" s="138" t="s">
        <v>172</v>
      </c>
      <c r="D337" s="138" t="s">
        <v>172</v>
      </c>
      <c r="E337" s="87" t="s">
        <v>172</v>
      </c>
      <c r="F337" s="87" t="s">
        <v>172</v>
      </c>
      <c r="G337" s="157" t="s">
        <v>172</v>
      </c>
      <c r="H337" s="157" t="s">
        <v>172</v>
      </c>
      <c r="I337" s="157" t="s">
        <v>172</v>
      </c>
      <c r="J337" s="157" t="s">
        <v>172</v>
      </c>
      <c r="K337" s="157" t="s">
        <v>172</v>
      </c>
      <c r="L337" s="157" t="s">
        <v>172</v>
      </c>
      <c r="M337" s="174" t="s">
        <v>172</v>
      </c>
      <c r="N337" s="174" t="s">
        <v>172</v>
      </c>
      <c r="O337" s="174" t="s">
        <v>172</v>
      </c>
      <c r="P337" s="88" t="s">
        <v>223</v>
      </c>
      <c r="Q337" s="104" t="s">
        <v>821</v>
      </c>
      <c r="R337" s="105">
        <v>1</v>
      </c>
    </row>
    <row r="338" spans="1:18" s="46" customFormat="1">
      <c r="A338" s="104"/>
      <c r="B338" s="105"/>
      <c r="C338" s="138" t="s">
        <v>172</v>
      </c>
      <c r="D338" s="138" t="s">
        <v>172</v>
      </c>
      <c r="E338" s="87" t="s">
        <v>172</v>
      </c>
      <c r="F338" s="87" t="s">
        <v>172</v>
      </c>
      <c r="G338" s="157" t="s">
        <v>172</v>
      </c>
      <c r="H338" s="157" t="s">
        <v>172</v>
      </c>
      <c r="I338" s="157" t="s">
        <v>172</v>
      </c>
      <c r="J338" s="157" t="s">
        <v>172</v>
      </c>
      <c r="K338" s="157" t="s">
        <v>172</v>
      </c>
      <c r="L338" s="157" t="s">
        <v>172</v>
      </c>
      <c r="M338" s="174" t="s">
        <v>172</v>
      </c>
      <c r="N338" s="174" t="s">
        <v>172</v>
      </c>
      <c r="O338" s="174" t="s">
        <v>172</v>
      </c>
      <c r="P338" s="88" t="s">
        <v>223</v>
      </c>
      <c r="Q338" s="104" t="s">
        <v>814</v>
      </c>
      <c r="R338" s="105">
        <v>1</v>
      </c>
    </row>
    <row r="339" spans="1:18" s="46" customFormat="1">
      <c r="A339" s="104"/>
      <c r="B339" s="105"/>
      <c r="C339" s="138"/>
      <c r="D339" s="138"/>
      <c r="E339" s="87"/>
      <c r="F339" s="87"/>
      <c r="G339" s="157"/>
      <c r="H339" s="157"/>
      <c r="I339" s="157"/>
      <c r="J339" s="157"/>
      <c r="K339" s="157"/>
      <c r="L339" s="157"/>
      <c r="M339" s="174"/>
      <c r="N339" s="174"/>
      <c r="O339" s="174"/>
      <c r="P339" s="96"/>
      <c r="Q339" s="104"/>
      <c r="R339" s="105"/>
    </row>
    <row r="340" spans="1:18" s="46" customFormat="1">
      <c r="A340" s="104">
        <v>124</v>
      </c>
      <c r="B340" s="105" t="s">
        <v>822</v>
      </c>
      <c r="C340" s="138" t="s">
        <v>172</v>
      </c>
      <c r="D340" s="138" t="s">
        <v>172</v>
      </c>
      <c r="E340" s="87" t="s">
        <v>172</v>
      </c>
      <c r="F340" s="87" t="s">
        <v>172</v>
      </c>
      <c r="G340" s="157" t="s">
        <v>172</v>
      </c>
      <c r="H340" s="157" t="s">
        <v>172</v>
      </c>
      <c r="I340" s="157" t="s">
        <v>172</v>
      </c>
      <c r="J340" s="157" t="s">
        <v>172</v>
      </c>
      <c r="K340" s="157" t="s">
        <v>172</v>
      </c>
      <c r="L340" s="157" t="s">
        <v>172</v>
      </c>
      <c r="M340" s="174" t="s">
        <v>172</v>
      </c>
      <c r="N340" s="174" t="s">
        <v>172</v>
      </c>
      <c r="O340" s="174" t="s">
        <v>172</v>
      </c>
      <c r="P340" s="88" t="s">
        <v>823</v>
      </c>
      <c r="Q340" s="104" t="s">
        <v>175</v>
      </c>
      <c r="R340" s="89" t="s">
        <v>169</v>
      </c>
    </row>
    <row r="341" spans="1:18" s="46" customFormat="1">
      <c r="A341" s="104"/>
      <c r="B341" s="105"/>
      <c r="C341" s="138" t="s">
        <v>172</v>
      </c>
      <c r="D341" s="138" t="s">
        <v>172</v>
      </c>
      <c r="E341" s="87" t="s">
        <v>172</v>
      </c>
      <c r="F341" s="87" t="s">
        <v>172</v>
      </c>
      <c r="G341" s="157" t="s">
        <v>172</v>
      </c>
      <c r="H341" s="157" t="s">
        <v>172</v>
      </c>
      <c r="I341" s="157" t="s">
        <v>172</v>
      </c>
      <c r="J341" s="157" t="s">
        <v>172</v>
      </c>
      <c r="K341" s="157" t="s">
        <v>172</v>
      </c>
      <c r="L341" s="157" t="s">
        <v>172</v>
      </c>
      <c r="M341" s="174" t="s">
        <v>172</v>
      </c>
      <c r="N341" s="174" t="s">
        <v>172</v>
      </c>
      <c r="O341" s="174" t="s">
        <v>172</v>
      </c>
      <c r="P341" s="88" t="s">
        <v>824</v>
      </c>
      <c r="Q341" s="104" t="s">
        <v>177</v>
      </c>
      <c r="R341" s="89" t="s">
        <v>169</v>
      </c>
    </row>
    <row r="342" spans="1:18" s="46" customFormat="1" ht="15" customHeight="1">
      <c r="A342" s="104"/>
      <c r="B342" s="105"/>
      <c r="C342" s="138" t="s">
        <v>172</v>
      </c>
      <c r="D342" s="138" t="s">
        <v>172</v>
      </c>
      <c r="E342" s="87" t="s">
        <v>172</v>
      </c>
      <c r="F342" s="87" t="s">
        <v>172</v>
      </c>
      <c r="G342" s="157" t="s">
        <v>172</v>
      </c>
      <c r="H342" s="157" t="s">
        <v>172</v>
      </c>
      <c r="I342" s="157" t="s">
        <v>172</v>
      </c>
      <c r="J342" s="157" t="s">
        <v>172</v>
      </c>
      <c r="K342" s="157" t="s">
        <v>172</v>
      </c>
      <c r="L342" s="157" t="s">
        <v>172</v>
      </c>
      <c r="M342" s="174" t="s">
        <v>172</v>
      </c>
      <c r="N342" s="174" t="s">
        <v>172</v>
      </c>
      <c r="O342" s="174" t="s">
        <v>172</v>
      </c>
      <c r="P342" s="88" t="s">
        <v>825</v>
      </c>
      <c r="Q342" s="104" t="s">
        <v>826</v>
      </c>
      <c r="R342" s="89" t="s">
        <v>169</v>
      </c>
    </row>
    <row r="343" spans="1:18" s="17" customFormat="1">
      <c r="A343" s="104"/>
      <c r="B343" s="105"/>
      <c r="C343" s="138" t="s">
        <v>172</v>
      </c>
      <c r="D343" s="138" t="s">
        <v>172</v>
      </c>
      <c r="E343" s="87" t="s">
        <v>172</v>
      </c>
      <c r="F343" s="87" t="s">
        <v>172</v>
      </c>
      <c r="G343" s="157" t="s">
        <v>172</v>
      </c>
      <c r="H343" s="157" t="s">
        <v>172</v>
      </c>
      <c r="I343" s="157" t="s">
        <v>172</v>
      </c>
      <c r="J343" s="157" t="s">
        <v>172</v>
      </c>
      <c r="K343" s="157" t="s">
        <v>172</v>
      </c>
      <c r="L343" s="157" t="s">
        <v>172</v>
      </c>
      <c r="M343" s="174" t="s">
        <v>172</v>
      </c>
      <c r="N343" s="174" t="s">
        <v>172</v>
      </c>
      <c r="O343" s="174" t="s">
        <v>172</v>
      </c>
      <c r="P343" s="88" t="s">
        <v>823</v>
      </c>
      <c r="Q343" s="104" t="s">
        <v>827</v>
      </c>
      <c r="R343" s="89" t="s">
        <v>169</v>
      </c>
    </row>
    <row r="344" spans="1:18" s="17" customFormat="1">
      <c r="A344" s="104"/>
      <c r="B344" s="105"/>
      <c r="C344" s="138" t="s">
        <v>172</v>
      </c>
      <c r="D344" s="138" t="s">
        <v>172</v>
      </c>
      <c r="E344" s="87" t="s">
        <v>172</v>
      </c>
      <c r="F344" s="87" t="s">
        <v>172</v>
      </c>
      <c r="G344" s="157" t="s">
        <v>172</v>
      </c>
      <c r="H344" s="157" t="s">
        <v>172</v>
      </c>
      <c r="I344" s="157" t="s">
        <v>172</v>
      </c>
      <c r="J344" s="157" t="s">
        <v>172</v>
      </c>
      <c r="K344" s="157" t="s">
        <v>172</v>
      </c>
      <c r="L344" s="157" t="s">
        <v>172</v>
      </c>
      <c r="M344" s="174" t="s">
        <v>172</v>
      </c>
      <c r="N344" s="174" t="s">
        <v>172</v>
      </c>
      <c r="O344" s="174" t="s">
        <v>172</v>
      </c>
      <c r="P344" s="88" t="s">
        <v>823</v>
      </c>
      <c r="Q344" s="104" t="s">
        <v>828</v>
      </c>
      <c r="R344" s="89" t="s">
        <v>169</v>
      </c>
    </row>
    <row r="345" spans="1:18" s="17" customFormat="1">
      <c r="A345" s="104"/>
      <c r="B345" s="103" t="s">
        <v>793</v>
      </c>
      <c r="C345" s="142" t="s">
        <v>172</v>
      </c>
      <c r="D345" s="142" t="s">
        <v>172</v>
      </c>
      <c r="E345" s="108" t="s">
        <v>172</v>
      </c>
      <c r="F345" s="108" t="s">
        <v>172</v>
      </c>
      <c r="G345" s="162" t="s">
        <v>172</v>
      </c>
      <c r="H345" s="162" t="s">
        <v>172</v>
      </c>
      <c r="I345" s="162" t="s">
        <v>172</v>
      </c>
      <c r="J345" s="162" t="s">
        <v>172</v>
      </c>
      <c r="K345" s="162" t="s">
        <v>172</v>
      </c>
      <c r="L345" s="162" t="s">
        <v>172</v>
      </c>
      <c r="M345" s="179" t="s">
        <v>172</v>
      </c>
      <c r="N345" s="179" t="s">
        <v>172</v>
      </c>
      <c r="O345" s="179" t="s">
        <v>172</v>
      </c>
      <c r="P345" s="89" t="s">
        <v>790</v>
      </c>
      <c r="Q345" s="97" t="s">
        <v>797</v>
      </c>
      <c r="R345" s="103">
        <v>30</v>
      </c>
    </row>
    <row r="346" spans="1:18" s="17" customFormat="1">
      <c r="A346" s="104"/>
      <c r="B346" s="105"/>
      <c r="C346" s="138"/>
      <c r="D346" s="138"/>
      <c r="E346" s="87"/>
      <c r="F346" s="87"/>
      <c r="G346" s="157"/>
      <c r="H346" s="157"/>
      <c r="I346" s="157"/>
      <c r="J346" s="157"/>
      <c r="K346" s="157"/>
      <c r="L346" s="157"/>
      <c r="M346" s="174"/>
      <c r="N346" s="174"/>
      <c r="O346" s="174"/>
      <c r="P346" s="88"/>
      <c r="Q346" s="104"/>
      <c r="R346" s="105"/>
    </row>
    <row r="347" spans="1:18" s="17" customFormat="1">
      <c r="A347" s="104">
        <v>125</v>
      </c>
      <c r="B347" s="105" t="s">
        <v>830</v>
      </c>
      <c r="C347" s="138" t="s">
        <v>172</v>
      </c>
      <c r="D347" s="138" t="s">
        <v>172</v>
      </c>
      <c r="E347" s="87" t="s">
        <v>172</v>
      </c>
      <c r="F347" s="87" t="s">
        <v>172</v>
      </c>
      <c r="G347" s="157" t="s">
        <v>172</v>
      </c>
      <c r="H347" s="157" t="s">
        <v>172</v>
      </c>
      <c r="I347" s="157" t="s">
        <v>172</v>
      </c>
      <c r="J347" s="157" t="s">
        <v>172</v>
      </c>
      <c r="K347" s="157" t="s">
        <v>172</v>
      </c>
      <c r="L347" s="157" t="s">
        <v>172</v>
      </c>
      <c r="M347" s="174" t="s">
        <v>172</v>
      </c>
      <c r="N347" s="174" t="s">
        <v>172</v>
      </c>
      <c r="O347" s="174" t="s">
        <v>172</v>
      </c>
      <c r="P347" s="105" t="s">
        <v>829</v>
      </c>
      <c r="Q347" s="96" t="s">
        <v>831</v>
      </c>
      <c r="R347" s="105">
        <v>130</v>
      </c>
    </row>
    <row r="348" spans="1:18" s="17" customFormat="1">
      <c r="A348" s="104"/>
      <c r="B348" s="97"/>
      <c r="C348" s="138"/>
      <c r="D348" s="138"/>
      <c r="E348" s="87"/>
      <c r="F348" s="87"/>
      <c r="G348" s="157"/>
      <c r="H348" s="157"/>
      <c r="I348" s="157"/>
      <c r="J348" s="157"/>
      <c r="K348" s="157"/>
      <c r="L348" s="157"/>
      <c r="M348" s="174"/>
      <c r="N348" s="174"/>
      <c r="O348" s="174"/>
      <c r="P348" s="88"/>
      <c r="Q348" s="96"/>
      <c r="R348" s="105"/>
    </row>
    <row r="349" spans="1:18" s="17" customFormat="1">
      <c r="A349" s="104">
        <v>126</v>
      </c>
      <c r="B349" s="105" t="s">
        <v>832</v>
      </c>
      <c r="C349" s="138" t="s">
        <v>172</v>
      </c>
      <c r="D349" s="138" t="s">
        <v>172</v>
      </c>
      <c r="E349" s="87" t="s">
        <v>172</v>
      </c>
      <c r="F349" s="87" t="s">
        <v>172</v>
      </c>
      <c r="G349" s="157" t="s">
        <v>172</v>
      </c>
      <c r="H349" s="157" t="s">
        <v>172</v>
      </c>
      <c r="I349" s="157" t="s">
        <v>172</v>
      </c>
      <c r="J349" s="157" t="s">
        <v>172</v>
      </c>
      <c r="K349" s="157" t="s">
        <v>172</v>
      </c>
      <c r="L349" s="157" t="s">
        <v>172</v>
      </c>
      <c r="M349" s="174" t="s">
        <v>172</v>
      </c>
      <c r="N349" s="174" t="s">
        <v>172</v>
      </c>
      <c r="O349" s="174" t="s">
        <v>172</v>
      </c>
      <c r="P349" s="88" t="s">
        <v>833</v>
      </c>
      <c r="Q349" s="96" t="s">
        <v>834</v>
      </c>
      <c r="R349" s="105">
        <v>6</v>
      </c>
    </row>
    <row r="350" spans="1:18" s="17" customFormat="1">
      <c r="A350" s="104"/>
      <c r="B350" s="109"/>
      <c r="C350" s="143"/>
      <c r="D350" s="143"/>
      <c r="E350" s="146"/>
      <c r="F350" s="146"/>
      <c r="G350" s="163"/>
      <c r="H350" s="163"/>
      <c r="I350" s="163"/>
      <c r="J350" s="163"/>
      <c r="K350" s="163"/>
      <c r="L350" s="163"/>
      <c r="M350" s="180"/>
      <c r="N350" s="180"/>
      <c r="O350" s="180"/>
      <c r="P350" s="88"/>
      <c r="Q350" s="110"/>
      <c r="R350" s="105"/>
    </row>
    <row r="351" spans="1:18" s="17" customFormat="1">
      <c r="A351" s="104">
        <v>127</v>
      </c>
      <c r="B351" s="96" t="s">
        <v>794</v>
      </c>
      <c r="C351" s="138" t="s">
        <v>159</v>
      </c>
      <c r="D351" s="138" t="s">
        <v>159</v>
      </c>
      <c r="E351" s="87" t="s">
        <v>159</v>
      </c>
      <c r="F351" s="87" t="s">
        <v>159</v>
      </c>
      <c r="G351" s="157" t="s">
        <v>159</v>
      </c>
      <c r="H351" s="157" t="s">
        <v>159</v>
      </c>
      <c r="I351" s="157" t="s">
        <v>159</v>
      </c>
      <c r="J351" s="157" t="s">
        <v>159</v>
      </c>
      <c r="K351" s="157" t="s">
        <v>159</v>
      </c>
      <c r="L351" s="157" t="s">
        <v>159</v>
      </c>
      <c r="M351" s="174" t="s">
        <v>155</v>
      </c>
      <c r="N351" s="174" t="s">
        <v>172</v>
      </c>
      <c r="O351" s="174" t="s">
        <v>172</v>
      </c>
      <c r="P351" s="96" t="s">
        <v>791</v>
      </c>
      <c r="Q351" s="96" t="s">
        <v>792</v>
      </c>
      <c r="R351" s="96">
        <v>180</v>
      </c>
    </row>
    <row r="352" spans="1:18" s="17" customFormat="1">
      <c r="A352" s="104"/>
      <c r="B352" s="96" t="s">
        <v>794</v>
      </c>
      <c r="C352" s="138" t="s">
        <v>159</v>
      </c>
      <c r="D352" s="138" t="s">
        <v>159</v>
      </c>
      <c r="E352" s="87" t="s">
        <v>159</v>
      </c>
      <c r="F352" s="87" t="s">
        <v>159</v>
      </c>
      <c r="G352" s="157" t="s">
        <v>159</v>
      </c>
      <c r="H352" s="157" t="s">
        <v>159</v>
      </c>
      <c r="I352" s="157" t="s">
        <v>159</v>
      </c>
      <c r="J352" s="157" t="s">
        <v>159</v>
      </c>
      <c r="K352" s="157" t="s">
        <v>159</v>
      </c>
      <c r="L352" s="157" t="s">
        <v>159</v>
      </c>
      <c r="M352" s="174" t="s">
        <v>155</v>
      </c>
      <c r="N352" s="174" t="s">
        <v>172</v>
      </c>
      <c r="O352" s="174" t="s">
        <v>172</v>
      </c>
      <c r="P352" s="96" t="s">
        <v>791</v>
      </c>
      <c r="Q352" s="89" t="s">
        <v>795</v>
      </c>
      <c r="R352" s="96">
        <v>1</v>
      </c>
    </row>
    <row r="353" spans="1:18" s="17" customFormat="1">
      <c r="A353" s="96"/>
      <c r="B353" s="96" t="s">
        <v>794</v>
      </c>
      <c r="C353" s="138" t="s">
        <v>159</v>
      </c>
      <c r="D353" s="138" t="s">
        <v>159</v>
      </c>
      <c r="E353" s="87" t="s">
        <v>159</v>
      </c>
      <c r="F353" s="87" t="s">
        <v>159</v>
      </c>
      <c r="G353" s="157" t="s">
        <v>159</v>
      </c>
      <c r="H353" s="157" t="s">
        <v>159</v>
      </c>
      <c r="I353" s="157" t="s">
        <v>159</v>
      </c>
      <c r="J353" s="157" t="s">
        <v>159</v>
      </c>
      <c r="K353" s="157" t="s">
        <v>159</v>
      </c>
      <c r="L353" s="157" t="s">
        <v>159</v>
      </c>
      <c r="M353" s="174" t="s">
        <v>155</v>
      </c>
      <c r="N353" s="174" t="s">
        <v>172</v>
      </c>
      <c r="O353" s="174" t="s">
        <v>172</v>
      </c>
      <c r="P353" s="96" t="s">
        <v>791</v>
      </c>
      <c r="Q353" s="89" t="s">
        <v>796</v>
      </c>
      <c r="R353" s="96">
        <v>2</v>
      </c>
    </row>
    <row r="354" spans="1:18" s="17" customFormat="1">
      <c r="A354" s="71"/>
      <c r="B354" s="41"/>
      <c r="C354" s="140"/>
      <c r="D354" s="140"/>
      <c r="E354" s="64"/>
      <c r="F354" s="64"/>
      <c r="G354" s="160"/>
      <c r="H354" s="160"/>
      <c r="I354" s="160"/>
      <c r="J354" s="160"/>
      <c r="K354" s="160"/>
      <c r="L354" s="160"/>
      <c r="M354" s="177"/>
      <c r="N354" s="177"/>
      <c r="O354" s="177"/>
      <c r="P354" s="71"/>
      <c r="Q354" s="71"/>
    </row>
    <row r="355" spans="1:18" s="17" customFormat="1">
      <c r="A355" s="96">
        <v>128</v>
      </c>
      <c r="B355" s="97" t="s">
        <v>911</v>
      </c>
      <c r="C355" s="138" t="s">
        <v>172</v>
      </c>
      <c r="D355" s="138" t="s">
        <v>172</v>
      </c>
      <c r="E355" s="87" t="s">
        <v>172</v>
      </c>
      <c r="F355" s="87" t="s">
        <v>172</v>
      </c>
      <c r="G355" s="157" t="s">
        <v>172</v>
      </c>
      <c r="H355" s="157" t="s">
        <v>172</v>
      </c>
      <c r="I355" s="157" t="s">
        <v>172</v>
      </c>
      <c r="J355" s="157" t="s">
        <v>172</v>
      </c>
      <c r="K355" s="157" t="s">
        <v>172</v>
      </c>
      <c r="L355" s="157" t="s">
        <v>172</v>
      </c>
      <c r="M355" s="174" t="s">
        <v>172</v>
      </c>
      <c r="N355" s="174" t="s">
        <v>172</v>
      </c>
      <c r="O355" s="174" t="s">
        <v>172</v>
      </c>
      <c r="P355" s="99" t="s">
        <v>913</v>
      </c>
      <c r="Q355" s="100" t="s">
        <v>737</v>
      </c>
      <c r="R355" s="96">
        <v>200</v>
      </c>
    </row>
    <row r="356" spans="1:18" s="17" customFormat="1">
      <c r="A356" s="71"/>
      <c r="B356" s="41"/>
      <c r="C356" s="138" t="s">
        <v>172</v>
      </c>
      <c r="D356" s="138" t="s">
        <v>172</v>
      </c>
      <c r="E356" s="87" t="s">
        <v>172</v>
      </c>
      <c r="F356" s="87" t="s">
        <v>172</v>
      </c>
      <c r="G356" s="157" t="s">
        <v>172</v>
      </c>
      <c r="H356" s="157" t="s">
        <v>172</v>
      </c>
      <c r="I356" s="157" t="s">
        <v>172</v>
      </c>
      <c r="J356" s="157" t="s">
        <v>172</v>
      </c>
      <c r="K356" s="157" t="s">
        <v>172</v>
      </c>
      <c r="L356" s="157" t="s">
        <v>172</v>
      </c>
      <c r="M356" s="174" t="s">
        <v>172</v>
      </c>
      <c r="N356" s="174" t="s">
        <v>172</v>
      </c>
      <c r="O356" s="174" t="s">
        <v>172</v>
      </c>
      <c r="P356" s="99" t="s">
        <v>912</v>
      </c>
      <c r="Q356" s="100" t="s">
        <v>914</v>
      </c>
      <c r="R356" s="96">
        <v>201</v>
      </c>
    </row>
    <row r="357" spans="1:18" s="17" customFormat="1" ht="37.5">
      <c r="A357" s="71"/>
      <c r="B357" s="41"/>
      <c r="C357" s="138" t="s">
        <v>172</v>
      </c>
      <c r="D357" s="138" t="s">
        <v>172</v>
      </c>
      <c r="E357" s="87" t="s">
        <v>172</v>
      </c>
      <c r="F357" s="87" t="s">
        <v>172</v>
      </c>
      <c r="G357" s="157" t="s">
        <v>172</v>
      </c>
      <c r="H357" s="157" t="s">
        <v>172</v>
      </c>
      <c r="I357" s="157" t="s">
        <v>172</v>
      </c>
      <c r="J357" s="157" t="s">
        <v>172</v>
      </c>
      <c r="K357" s="157" t="s">
        <v>172</v>
      </c>
      <c r="L357" s="157" t="s">
        <v>172</v>
      </c>
      <c r="M357" s="174" t="s">
        <v>172</v>
      </c>
      <c r="N357" s="174" t="s">
        <v>172</v>
      </c>
      <c r="O357" s="174" t="s">
        <v>172</v>
      </c>
      <c r="P357" s="100" t="s">
        <v>742</v>
      </c>
      <c r="Q357" s="101" t="s">
        <v>915</v>
      </c>
      <c r="R357" s="96">
        <v>200</v>
      </c>
    </row>
    <row r="358" spans="1:18" s="17" customFormat="1">
      <c r="A358" s="71"/>
      <c r="B358" s="41"/>
      <c r="C358" s="140"/>
      <c r="D358" s="140"/>
      <c r="E358" s="64"/>
      <c r="F358" s="64"/>
      <c r="G358" s="160"/>
      <c r="H358" s="160"/>
      <c r="I358" s="160"/>
      <c r="J358" s="160"/>
      <c r="K358" s="160"/>
      <c r="L358" s="160"/>
      <c r="M358" s="177"/>
      <c r="N358" s="177"/>
      <c r="O358" s="177"/>
      <c r="P358" s="71"/>
      <c r="Q358" s="71"/>
    </row>
    <row r="359" spans="1:18" s="17" customFormat="1" ht="27" customHeight="1">
      <c r="A359" s="96">
        <v>129</v>
      </c>
      <c r="B359" s="97" t="s">
        <v>920</v>
      </c>
      <c r="C359" s="138" t="s">
        <v>172</v>
      </c>
      <c r="D359" s="138" t="s">
        <v>172</v>
      </c>
      <c r="E359" s="87" t="s">
        <v>172</v>
      </c>
      <c r="F359" s="87" t="s">
        <v>172</v>
      </c>
      <c r="G359" s="157" t="s">
        <v>172</v>
      </c>
      <c r="H359" s="157" t="s">
        <v>172</v>
      </c>
      <c r="I359" s="157" t="s">
        <v>172</v>
      </c>
      <c r="J359" s="157" t="s">
        <v>172</v>
      </c>
      <c r="K359" s="157" t="s">
        <v>172</v>
      </c>
      <c r="L359" s="157" t="s">
        <v>172</v>
      </c>
      <c r="M359" s="174" t="s">
        <v>172</v>
      </c>
      <c r="N359" s="174" t="s">
        <v>172</v>
      </c>
      <c r="O359" s="174" t="s">
        <v>172</v>
      </c>
      <c r="P359" s="95" t="s">
        <v>223</v>
      </c>
      <c r="Q359" s="95" t="s">
        <v>919</v>
      </c>
      <c r="R359" s="96">
        <v>1</v>
      </c>
    </row>
    <row r="360" spans="1:18" s="17" customFormat="1">
      <c r="B360" s="15"/>
      <c r="C360" s="130"/>
      <c r="D360" s="130"/>
      <c r="E360" s="28"/>
      <c r="F360" s="28"/>
      <c r="G360" s="149"/>
      <c r="H360" s="149"/>
      <c r="I360" s="149"/>
      <c r="J360" s="149"/>
      <c r="K360" s="149"/>
      <c r="L360" s="149"/>
      <c r="M360" s="166"/>
      <c r="N360" s="166"/>
      <c r="O360" s="166"/>
      <c r="P360" s="17" t="s">
        <v>498</v>
      </c>
    </row>
    <row r="361" spans="1:18" s="17" customFormat="1">
      <c r="A361" s="96">
        <v>130</v>
      </c>
      <c r="B361" s="95" t="s">
        <v>917</v>
      </c>
      <c r="C361" s="138" t="s">
        <v>159</v>
      </c>
      <c r="D361" s="138" t="s">
        <v>159</v>
      </c>
      <c r="E361" s="87" t="s">
        <v>159</v>
      </c>
      <c r="F361" s="87" t="s">
        <v>159</v>
      </c>
      <c r="G361" s="157" t="s">
        <v>172</v>
      </c>
      <c r="H361" s="157" t="s">
        <v>172</v>
      </c>
      <c r="I361" s="157" t="s">
        <v>172</v>
      </c>
      <c r="J361" s="157" t="s">
        <v>172</v>
      </c>
      <c r="K361" s="157" t="s">
        <v>172</v>
      </c>
      <c r="L361" s="157" t="s">
        <v>172</v>
      </c>
      <c r="M361" s="174" t="s">
        <v>172</v>
      </c>
      <c r="N361" s="174" t="s">
        <v>172</v>
      </c>
      <c r="O361" s="174" t="s">
        <v>172</v>
      </c>
      <c r="P361" s="95" t="s">
        <v>916</v>
      </c>
      <c r="Q361" s="89" t="s">
        <v>918</v>
      </c>
      <c r="R361" s="96">
        <v>176</v>
      </c>
    </row>
    <row r="362" spans="1:18">
      <c r="A362" s="46"/>
      <c r="B362" s="98"/>
      <c r="C362" s="130"/>
      <c r="D362" s="130"/>
      <c r="E362" s="28"/>
      <c r="F362" s="28"/>
      <c r="G362" s="149"/>
      <c r="H362" s="149"/>
      <c r="I362" s="149"/>
      <c r="J362" s="149"/>
      <c r="K362" s="149"/>
      <c r="L362" s="149"/>
      <c r="M362" s="166"/>
      <c r="N362" s="166"/>
      <c r="O362" s="166"/>
      <c r="P362" s="46"/>
      <c r="Q362" s="46"/>
      <c r="R362" s="90"/>
    </row>
    <row r="363" spans="1:18">
      <c r="A363" s="104">
        <v>131</v>
      </c>
      <c r="B363" s="105" t="s">
        <v>926</v>
      </c>
      <c r="C363" s="130"/>
      <c r="D363" s="130"/>
      <c r="E363" s="28"/>
      <c r="F363" s="28"/>
      <c r="G363" s="149"/>
      <c r="H363" s="149"/>
      <c r="I363" s="149"/>
      <c r="J363" s="149"/>
      <c r="K363" s="149"/>
      <c r="L363" s="149"/>
      <c r="M363" s="166"/>
      <c r="N363" s="166"/>
      <c r="O363" s="166"/>
      <c r="P363" s="46"/>
      <c r="Q363" s="46"/>
      <c r="R363" s="96"/>
    </row>
    <row r="364" spans="1:18">
      <c r="A364" s="46"/>
      <c r="B364" s="105" t="s">
        <v>927</v>
      </c>
      <c r="C364" s="138" t="s">
        <v>172</v>
      </c>
      <c r="D364" s="138" t="s">
        <v>172</v>
      </c>
      <c r="E364" s="87" t="s">
        <v>172</v>
      </c>
      <c r="F364" s="87" t="s">
        <v>172</v>
      </c>
      <c r="G364" s="157" t="s">
        <v>172</v>
      </c>
      <c r="H364" s="157" t="s">
        <v>172</v>
      </c>
      <c r="I364" s="157" t="s">
        <v>172</v>
      </c>
      <c r="J364" s="157" t="s">
        <v>172</v>
      </c>
      <c r="K364" s="157" t="s">
        <v>172</v>
      </c>
      <c r="L364" s="157" t="s">
        <v>172</v>
      </c>
      <c r="M364" s="174" t="s">
        <v>172</v>
      </c>
      <c r="N364" s="174" t="s">
        <v>172</v>
      </c>
      <c r="O364" s="174" t="s">
        <v>172</v>
      </c>
      <c r="P364" s="186" t="s">
        <v>963</v>
      </c>
      <c r="Q364" s="185" t="s">
        <v>156</v>
      </c>
      <c r="R364" s="187">
        <v>70</v>
      </c>
    </row>
    <row r="365" spans="1:18">
      <c r="A365" s="46"/>
      <c r="B365" s="105" t="s">
        <v>928</v>
      </c>
      <c r="C365" s="138" t="s">
        <v>172</v>
      </c>
      <c r="D365" s="138" t="s">
        <v>172</v>
      </c>
      <c r="E365" s="87" t="s">
        <v>172</v>
      </c>
      <c r="F365" s="87" t="s">
        <v>172</v>
      </c>
      <c r="G365" s="157" t="s">
        <v>172</v>
      </c>
      <c r="H365" s="157" t="s">
        <v>172</v>
      </c>
      <c r="I365" s="157" t="s">
        <v>172</v>
      </c>
      <c r="J365" s="157" t="s">
        <v>172</v>
      </c>
      <c r="K365" s="157" t="s">
        <v>172</v>
      </c>
      <c r="L365" s="157" t="s">
        <v>172</v>
      </c>
      <c r="M365" s="174" t="s">
        <v>172</v>
      </c>
      <c r="N365" s="174" t="s">
        <v>172</v>
      </c>
      <c r="O365" s="174" t="s">
        <v>172</v>
      </c>
      <c r="P365" s="104" t="s">
        <v>937</v>
      </c>
      <c r="Q365" s="89" t="s">
        <v>938</v>
      </c>
      <c r="R365" s="96">
        <v>100</v>
      </c>
    </row>
    <row r="366" spans="1:18">
      <c r="A366" s="46"/>
      <c r="B366" s="105" t="s">
        <v>929</v>
      </c>
      <c r="C366" s="138" t="s">
        <v>172</v>
      </c>
      <c r="D366" s="138" t="s">
        <v>172</v>
      </c>
      <c r="E366" s="87" t="s">
        <v>172</v>
      </c>
      <c r="F366" s="87" t="s">
        <v>172</v>
      </c>
      <c r="G366" s="157" t="s">
        <v>172</v>
      </c>
      <c r="H366" s="157" t="s">
        <v>172</v>
      </c>
      <c r="I366" s="157" t="s">
        <v>172</v>
      </c>
      <c r="J366" s="157" t="s">
        <v>172</v>
      </c>
      <c r="K366" s="157" t="s">
        <v>172</v>
      </c>
      <c r="L366" s="157" t="s">
        <v>172</v>
      </c>
      <c r="M366" s="174" t="s">
        <v>172</v>
      </c>
      <c r="N366" s="174" t="s">
        <v>172</v>
      </c>
      <c r="O366" s="174" t="s">
        <v>172</v>
      </c>
      <c r="P366" s="186" t="s">
        <v>961</v>
      </c>
      <c r="Q366" s="89" t="s">
        <v>939</v>
      </c>
      <c r="R366" s="96">
        <v>109</v>
      </c>
    </row>
    <row r="367" spans="1:18">
      <c r="A367" s="46"/>
      <c r="B367" s="105" t="s">
        <v>930</v>
      </c>
      <c r="C367" s="138" t="s">
        <v>172</v>
      </c>
      <c r="D367" s="138" t="s">
        <v>172</v>
      </c>
      <c r="E367" s="87" t="s">
        <v>172</v>
      </c>
      <c r="F367" s="87" t="s">
        <v>172</v>
      </c>
      <c r="G367" s="157" t="s">
        <v>172</v>
      </c>
      <c r="H367" s="157" t="s">
        <v>172</v>
      </c>
      <c r="I367" s="157" t="s">
        <v>172</v>
      </c>
      <c r="J367" s="157" t="s">
        <v>172</v>
      </c>
      <c r="K367" s="157" t="s">
        <v>172</v>
      </c>
      <c r="L367" s="157" t="s">
        <v>172</v>
      </c>
      <c r="M367" s="174" t="s">
        <v>172</v>
      </c>
      <c r="N367" s="174" t="s">
        <v>172</v>
      </c>
      <c r="O367" s="174" t="s">
        <v>172</v>
      </c>
      <c r="P367" s="186" t="s">
        <v>962</v>
      </c>
      <c r="Q367" s="89" t="s">
        <v>940</v>
      </c>
      <c r="R367" s="96">
        <v>110</v>
      </c>
    </row>
    <row r="368" spans="1:18">
      <c r="A368" s="46"/>
      <c r="B368" s="105" t="s">
        <v>931</v>
      </c>
      <c r="C368" s="138" t="s">
        <v>172</v>
      </c>
      <c r="D368" s="138" t="s">
        <v>172</v>
      </c>
      <c r="E368" s="87" t="s">
        <v>172</v>
      </c>
      <c r="F368" s="87" t="s">
        <v>172</v>
      </c>
      <c r="G368" s="157" t="s">
        <v>172</v>
      </c>
      <c r="H368" s="157" t="s">
        <v>172</v>
      </c>
      <c r="I368" s="157" t="s">
        <v>172</v>
      </c>
      <c r="J368" s="157" t="s">
        <v>172</v>
      </c>
      <c r="K368" s="157" t="s">
        <v>172</v>
      </c>
      <c r="L368" s="157" t="s">
        <v>172</v>
      </c>
      <c r="M368" s="174" t="s">
        <v>172</v>
      </c>
      <c r="N368" s="174" t="s">
        <v>172</v>
      </c>
      <c r="O368" s="174" t="s">
        <v>172</v>
      </c>
      <c r="P368" s="104" t="s">
        <v>941</v>
      </c>
      <c r="Q368" s="97" t="s">
        <v>183</v>
      </c>
      <c r="R368" s="96">
        <v>101</v>
      </c>
    </row>
    <row r="369" spans="1:18">
      <c r="A369" s="46"/>
      <c r="B369" s="105" t="s">
        <v>932</v>
      </c>
      <c r="C369" s="138" t="s">
        <v>172</v>
      </c>
      <c r="D369" s="138" t="s">
        <v>172</v>
      </c>
      <c r="E369" s="87" t="s">
        <v>172</v>
      </c>
      <c r="F369" s="87" t="s">
        <v>172</v>
      </c>
      <c r="G369" s="157" t="s">
        <v>172</v>
      </c>
      <c r="H369" s="157" t="s">
        <v>172</v>
      </c>
      <c r="I369" s="157" t="s">
        <v>172</v>
      </c>
      <c r="J369" s="157" t="s">
        <v>172</v>
      </c>
      <c r="K369" s="157" t="s">
        <v>172</v>
      </c>
      <c r="L369" s="157" t="s">
        <v>172</v>
      </c>
      <c r="M369" s="174" t="s">
        <v>172</v>
      </c>
      <c r="N369" s="174" t="s">
        <v>172</v>
      </c>
      <c r="O369" s="174" t="s">
        <v>172</v>
      </c>
      <c r="P369" s="104" t="s">
        <v>942</v>
      </c>
      <c r="Q369" s="97" t="s">
        <v>185</v>
      </c>
      <c r="R369" s="96">
        <v>102</v>
      </c>
    </row>
    <row r="370" spans="1:18">
      <c r="A370" s="46"/>
      <c r="B370" s="105" t="s">
        <v>933</v>
      </c>
      <c r="C370" s="138" t="s">
        <v>172</v>
      </c>
      <c r="D370" s="138" t="s">
        <v>172</v>
      </c>
      <c r="E370" s="87" t="s">
        <v>172</v>
      </c>
      <c r="F370" s="87" t="s">
        <v>172</v>
      </c>
      <c r="G370" s="157" t="s">
        <v>172</v>
      </c>
      <c r="H370" s="157" t="s">
        <v>172</v>
      </c>
      <c r="I370" s="157" t="s">
        <v>172</v>
      </c>
      <c r="J370" s="157" t="s">
        <v>172</v>
      </c>
      <c r="K370" s="157" t="s">
        <v>172</v>
      </c>
      <c r="L370" s="157" t="s">
        <v>172</v>
      </c>
      <c r="M370" s="174" t="s">
        <v>172</v>
      </c>
      <c r="N370" s="174" t="s">
        <v>172</v>
      </c>
      <c r="O370" s="174" t="s">
        <v>172</v>
      </c>
      <c r="P370" s="104" t="s">
        <v>943</v>
      </c>
      <c r="Q370" s="97" t="s">
        <v>187</v>
      </c>
      <c r="R370" s="96">
        <v>103</v>
      </c>
    </row>
    <row r="371" spans="1:18">
      <c r="A371" s="46"/>
      <c r="B371" s="105" t="s">
        <v>934</v>
      </c>
      <c r="C371" s="138" t="s">
        <v>172</v>
      </c>
      <c r="D371" s="138" t="s">
        <v>172</v>
      </c>
      <c r="E371" s="87" t="s">
        <v>172</v>
      </c>
      <c r="F371" s="87" t="s">
        <v>172</v>
      </c>
      <c r="G371" s="157" t="s">
        <v>172</v>
      </c>
      <c r="H371" s="157" t="s">
        <v>172</v>
      </c>
      <c r="I371" s="157" t="s">
        <v>172</v>
      </c>
      <c r="J371" s="157" t="s">
        <v>172</v>
      </c>
      <c r="K371" s="157" t="s">
        <v>172</v>
      </c>
      <c r="L371" s="157" t="s">
        <v>172</v>
      </c>
      <c r="M371" s="174" t="s">
        <v>172</v>
      </c>
      <c r="N371" s="174" t="s">
        <v>172</v>
      </c>
      <c r="O371" s="174" t="s">
        <v>172</v>
      </c>
      <c r="P371" s="104" t="s">
        <v>944</v>
      </c>
      <c r="Q371" s="97" t="s">
        <v>189</v>
      </c>
      <c r="R371" s="96">
        <v>104</v>
      </c>
    </row>
    <row r="372" spans="1:18">
      <c r="A372" s="46"/>
      <c r="B372" s="105" t="s">
        <v>935</v>
      </c>
      <c r="C372" s="138" t="s">
        <v>172</v>
      </c>
      <c r="D372" s="138" t="s">
        <v>172</v>
      </c>
      <c r="E372" s="87" t="s">
        <v>172</v>
      </c>
      <c r="F372" s="87" t="s">
        <v>172</v>
      </c>
      <c r="G372" s="157" t="s">
        <v>172</v>
      </c>
      <c r="H372" s="157" t="s">
        <v>172</v>
      </c>
      <c r="I372" s="157" t="s">
        <v>172</v>
      </c>
      <c r="J372" s="157" t="s">
        <v>172</v>
      </c>
      <c r="K372" s="157" t="s">
        <v>172</v>
      </c>
      <c r="L372" s="157" t="s">
        <v>172</v>
      </c>
      <c r="M372" s="174" t="s">
        <v>172</v>
      </c>
      <c r="N372" s="174" t="s">
        <v>172</v>
      </c>
      <c r="O372" s="174" t="s">
        <v>172</v>
      </c>
      <c r="P372" s="104" t="s">
        <v>945</v>
      </c>
      <c r="Q372" s="97" t="s">
        <v>947</v>
      </c>
      <c r="R372" s="96">
        <v>107</v>
      </c>
    </row>
    <row r="373" spans="1:18">
      <c r="A373" s="46"/>
      <c r="B373" s="105" t="s">
        <v>936</v>
      </c>
      <c r="C373" s="138" t="s">
        <v>172</v>
      </c>
      <c r="D373" s="138" t="s">
        <v>172</v>
      </c>
      <c r="E373" s="87" t="s">
        <v>172</v>
      </c>
      <c r="F373" s="87" t="s">
        <v>172</v>
      </c>
      <c r="G373" s="157" t="s">
        <v>172</v>
      </c>
      <c r="H373" s="157" t="s">
        <v>172</v>
      </c>
      <c r="I373" s="157" t="s">
        <v>172</v>
      </c>
      <c r="J373" s="157" t="s">
        <v>172</v>
      </c>
      <c r="K373" s="157" t="s">
        <v>172</v>
      </c>
      <c r="L373" s="157" t="s">
        <v>172</v>
      </c>
      <c r="M373" s="174" t="s">
        <v>172</v>
      </c>
      <c r="N373" s="174" t="s">
        <v>172</v>
      </c>
      <c r="O373" s="174" t="s">
        <v>172</v>
      </c>
      <c r="P373" s="104" t="s">
        <v>946</v>
      </c>
      <c r="Q373" s="97" t="s">
        <v>948</v>
      </c>
      <c r="R373" s="96">
        <v>108</v>
      </c>
    </row>
    <row r="374" spans="1:18">
      <c r="A374" s="46"/>
      <c r="B374" s="98"/>
      <c r="C374" s="130"/>
      <c r="D374" s="130"/>
      <c r="E374" s="28"/>
      <c r="F374" s="28"/>
      <c r="G374" s="149"/>
      <c r="H374" s="149"/>
      <c r="I374" s="149"/>
      <c r="J374" s="149"/>
      <c r="K374" s="149"/>
      <c r="L374" s="149"/>
      <c r="M374" s="166"/>
      <c r="N374" s="166"/>
      <c r="O374" s="166"/>
      <c r="P374" s="46"/>
      <c r="Q374" s="46"/>
      <c r="R374" s="96"/>
    </row>
    <row r="375" spans="1:18">
      <c r="A375" s="104">
        <v>132</v>
      </c>
      <c r="B375" s="105" t="s">
        <v>964</v>
      </c>
      <c r="C375" s="138" t="s">
        <v>172</v>
      </c>
      <c r="D375" s="138" t="s">
        <v>172</v>
      </c>
      <c r="E375" s="87" t="s">
        <v>172</v>
      </c>
      <c r="F375" s="87" t="s">
        <v>172</v>
      </c>
      <c r="G375" s="157" t="s">
        <v>172</v>
      </c>
      <c r="H375" s="157" t="s">
        <v>172</v>
      </c>
      <c r="I375" s="157" t="s">
        <v>172</v>
      </c>
      <c r="J375" s="157" t="s">
        <v>172</v>
      </c>
      <c r="K375" s="157" t="s">
        <v>172</v>
      </c>
      <c r="L375" s="157" t="s">
        <v>172</v>
      </c>
      <c r="M375" s="174" t="s">
        <v>172</v>
      </c>
      <c r="N375" s="174" t="s">
        <v>172</v>
      </c>
      <c r="O375" s="174" t="s">
        <v>172</v>
      </c>
      <c r="P375" s="104" t="s">
        <v>965</v>
      </c>
      <c r="Q375" s="97" t="s">
        <v>721</v>
      </c>
      <c r="R375" s="96">
        <v>94</v>
      </c>
    </row>
    <row r="376" spans="1:18">
      <c r="A376" s="46"/>
      <c r="B376" s="98"/>
      <c r="C376" s="130"/>
      <c r="D376" s="130"/>
      <c r="E376" s="28"/>
      <c r="F376" s="28"/>
      <c r="G376" s="149"/>
      <c r="H376" s="149"/>
      <c r="I376" s="149"/>
      <c r="J376" s="149"/>
      <c r="K376" s="149"/>
      <c r="L376" s="149"/>
      <c r="M376" s="166"/>
      <c r="N376" s="166"/>
      <c r="O376" s="166"/>
      <c r="P376" s="46"/>
      <c r="Q376" s="46"/>
      <c r="R376" s="90"/>
    </row>
    <row r="377" spans="1:18">
      <c r="A377" s="104">
        <v>133</v>
      </c>
      <c r="B377" s="105" t="s">
        <v>972</v>
      </c>
      <c r="C377" s="138" t="s">
        <v>172</v>
      </c>
      <c r="D377" s="138" t="s">
        <v>172</v>
      </c>
      <c r="E377" s="87" t="s">
        <v>172</v>
      </c>
      <c r="F377" s="87" t="s">
        <v>172</v>
      </c>
      <c r="G377" s="157" t="s">
        <v>172</v>
      </c>
      <c r="H377" s="157" t="s">
        <v>172</v>
      </c>
      <c r="I377" s="157" t="s">
        <v>172</v>
      </c>
      <c r="J377" s="157" t="s">
        <v>172</v>
      </c>
      <c r="K377" s="157" t="s">
        <v>172</v>
      </c>
      <c r="L377" s="157" t="s">
        <v>172</v>
      </c>
      <c r="M377" s="174" t="s">
        <v>172</v>
      </c>
      <c r="N377" s="174" t="s">
        <v>172</v>
      </c>
      <c r="O377" s="174" t="s">
        <v>172</v>
      </c>
      <c r="P377" s="104" t="s">
        <v>973</v>
      </c>
      <c r="Q377" s="97" t="s">
        <v>974</v>
      </c>
      <c r="R377" s="96">
        <v>95</v>
      </c>
    </row>
    <row r="378" spans="1:18">
      <c r="A378" s="46"/>
      <c r="B378" s="98"/>
      <c r="C378" s="130"/>
      <c r="D378" s="130"/>
      <c r="E378" s="28"/>
      <c r="F378" s="28"/>
      <c r="G378" s="149"/>
      <c r="H378" s="149"/>
      <c r="I378" s="149"/>
      <c r="J378" s="149"/>
      <c r="K378" s="149"/>
      <c r="L378" s="149"/>
      <c r="M378" s="166"/>
      <c r="N378" s="166"/>
      <c r="O378" s="166"/>
      <c r="P378" s="46"/>
      <c r="Q378" s="46"/>
      <c r="R378" s="90"/>
    </row>
    <row r="379" spans="1:18">
      <c r="A379" s="104">
        <v>134</v>
      </c>
      <c r="B379" s="105" t="s">
        <v>1004</v>
      </c>
      <c r="C379" s="138" t="s">
        <v>172</v>
      </c>
      <c r="D379" s="138" t="s">
        <v>172</v>
      </c>
      <c r="E379" s="87" t="s">
        <v>172</v>
      </c>
      <c r="F379" s="87" t="s">
        <v>172</v>
      </c>
      <c r="G379" s="157" t="s">
        <v>172</v>
      </c>
      <c r="H379" s="157" t="s">
        <v>172</v>
      </c>
      <c r="I379" s="157" t="s">
        <v>172</v>
      </c>
      <c r="J379" s="157" t="s">
        <v>172</v>
      </c>
      <c r="K379" s="157" t="s">
        <v>172</v>
      </c>
      <c r="L379" s="157" t="s">
        <v>172</v>
      </c>
      <c r="M379" s="174" t="s">
        <v>172</v>
      </c>
      <c r="N379" s="174" t="s">
        <v>172</v>
      </c>
      <c r="O379" s="174" t="s">
        <v>172</v>
      </c>
      <c r="P379" s="104" t="s">
        <v>1005</v>
      </c>
      <c r="Q379" s="97" t="s">
        <v>1022</v>
      </c>
      <c r="R379" s="96">
        <v>5</v>
      </c>
    </row>
    <row r="380" spans="1:18">
      <c r="A380" s="46"/>
      <c r="B380" s="98"/>
      <c r="C380" s="130"/>
      <c r="D380" s="130"/>
      <c r="E380" s="28"/>
      <c r="F380" s="28"/>
      <c r="G380" s="149"/>
      <c r="H380" s="149"/>
      <c r="I380" s="149"/>
      <c r="J380" s="149"/>
      <c r="K380" s="149"/>
      <c r="L380" s="149"/>
      <c r="M380" s="166"/>
      <c r="N380" s="166"/>
      <c r="O380" s="166"/>
      <c r="P380" s="46"/>
      <c r="Q380" s="46"/>
      <c r="R380" s="90"/>
    </row>
    <row r="381" spans="1:18" ht="29">
      <c r="A381" s="104">
        <v>134</v>
      </c>
      <c r="B381" s="105" t="s">
        <v>1023</v>
      </c>
      <c r="C381" s="138" t="s">
        <v>155</v>
      </c>
      <c r="D381" s="138" t="s">
        <v>155</v>
      </c>
      <c r="E381" s="87" t="s">
        <v>155</v>
      </c>
      <c r="F381" s="87" t="s">
        <v>155</v>
      </c>
      <c r="G381" s="157" t="s">
        <v>155</v>
      </c>
      <c r="H381" s="157" t="s">
        <v>155</v>
      </c>
      <c r="I381" s="157" t="s">
        <v>155</v>
      </c>
      <c r="J381" s="157" t="s">
        <v>155</v>
      </c>
      <c r="K381" s="157" t="s">
        <v>155</v>
      </c>
      <c r="L381" s="157" t="s">
        <v>155</v>
      </c>
      <c r="M381" s="174" t="s">
        <v>155</v>
      </c>
      <c r="N381" s="174" t="s">
        <v>155</v>
      </c>
      <c r="O381" s="174" t="s">
        <v>155</v>
      </c>
      <c r="P381" s="104" t="s">
        <v>833</v>
      </c>
      <c r="Q381" s="97" t="s">
        <v>1024</v>
      </c>
      <c r="R381" s="96">
        <v>5</v>
      </c>
    </row>
    <row r="382" spans="1:18">
      <c r="A382" s="46"/>
      <c r="B382" s="98"/>
      <c r="C382" s="130"/>
      <c r="D382" s="130"/>
      <c r="E382" s="28"/>
      <c r="F382" s="28"/>
      <c r="G382" s="149"/>
      <c r="H382" s="149"/>
      <c r="I382" s="149"/>
      <c r="J382" s="149"/>
      <c r="K382" s="149"/>
      <c r="L382" s="149"/>
      <c r="M382" s="166"/>
      <c r="N382" s="166"/>
      <c r="O382" s="166"/>
      <c r="P382" s="46"/>
      <c r="Q382" s="46"/>
      <c r="R382" s="90"/>
    </row>
    <row r="383" spans="1:18">
      <c r="A383" s="46"/>
      <c r="B383" s="98"/>
      <c r="C383" s="130"/>
      <c r="D383" s="130"/>
      <c r="E383" s="28"/>
      <c r="F383" s="28"/>
      <c r="G383" s="149"/>
      <c r="H383" s="149"/>
      <c r="I383" s="149"/>
      <c r="J383" s="149"/>
      <c r="K383" s="149"/>
      <c r="L383" s="149"/>
      <c r="M383" s="166"/>
      <c r="N383" s="166"/>
      <c r="O383" s="166"/>
      <c r="P383" s="46"/>
      <c r="Q383" s="46"/>
      <c r="R383" s="90"/>
    </row>
    <row r="384" spans="1:18">
      <c r="A384" s="46"/>
      <c r="B384" s="98"/>
      <c r="C384" s="130"/>
      <c r="D384" s="130"/>
      <c r="E384" s="28"/>
      <c r="F384" s="28"/>
      <c r="G384" s="149"/>
      <c r="H384" s="149"/>
      <c r="I384" s="149"/>
      <c r="J384" s="149"/>
      <c r="K384" s="149"/>
      <c r="L384" s="149"/>
      <c r="M384" s="166"/>
      <c r="N384" s="166"/>
      <c r="O384" s="166"/>
      <c r="P384" s="46"/>
      <c r="Q384" s="46"/>
      <c r="R384" s="90"/>
    </row>
    <row r="385" spans="1:18">
      <c r="A385" s="46"/>
      <c r="B385" s="98"/>
      <c r="C385" s="130"/>
      <c r="D385" s="130"/>
      <c r="E385" s="28"/>
      <c r="F385" s="28"/>
      <c r="G385" s="149"/>
      <c r="H385" s="149"/>
      <c r="I385" s="149"/>
      <c r="J385" s="149"/>
      <c r="K385" s="149"/>
      <c r="L385" s="149"/>
      <c r="M385" s="166"/>
      <c r="N385" s="166"/>
      <c r="O385" s="166"/>
      <c r="P385" s="46"/>
      <c r="Q385" s="46"/>
      <c r="R385" s="90"/>
    </row>
    <row r="386" spans="1:18">
      <c r="A386" s="46"/>
      <c r="B386" s="98"/>
      <c r="C386" s="130"/>
      <c r="D386" s="130"/>
      <c r="E386" s="28"/>
      <c r="F386" s="28"/>
      <c r="G386" s="149"/>
      <c r="H386" s="149"/>
      <c r="I386" s="149"/>
      <c r="J386" s="149"/>
      <c r="K386" s="149"/>
      <c r="L386" s="149"/>
      <c r="M386" s="166"/>
      <c r="N386" s="166"/>
      <c r="O386" s="166"/>
      <c r="P386" s="46"/>
      <c r="Q386" s="46"/>
      <c r="R386" s="90"/>
    </row>
    <row r="387" spans="1:18">
      <c r="A387" s="46"/>
      <c r="B387" s="98"/>
      <c r="C387" s="130"/>
      <c r="D387" s="130"/>
      <c r="E387" s="28"/>
      <c r="F387" s="28"/>
      <c r="G387" s="149"/>
      <c r="H387" s="149"/>
      <c r="I387" s="149"/>
      <c r="J387" s="149"/>
      <c r="K387" s="149"/>
      <c r="L387" s="149"/>
      <c r="M387" s="166"/>
      <c r="N387" s="166"/>
      <c r="O387" s="166"/>
      <c r="P387" s="46"/>
      <c r="Q387" s="46"/>
      <c r="R387" s="90"/>
    </row>
    <row r="388" spans="1:18">
      <c r="A388" s="46"/>
      <c r="B388" s="98"/>
      <c r="C388" s="130"/>
      <c r="D388" s="130"/>
      <c r="E388" s="28"/>
      <c r="F388" s="28"/>
      <c r="G388" s="149"/>
      <c r="H388" s="149"/>
      <c r="I388" s="149"/>
      <c r="J388" s="149"/>
      <c r="K388" s="149"/>
      <c r="L388" s="149"/>
      <c r="M388" s="166"/>
      <c r="N388" s="166"/>
      <c r="O388" s="166"/>
      <c r="P388" s="46"/>
      <c r="Q388" s="46"/>
      <c r="R388" s="90"/>
    </row>
    <row r="389" spans="1:18">
      <c r="A389" s="46"/>
      <c r="B389" s="98"/>
      <c r="C389" s="130"/>
      <c r="D389" s="130"/>
      <c r="E389" s="28"/>
      <c r="F389" s="28"/>
      <c r="G389" s="149"/>
      <c r="H389" s="149"/>
      <c r="I389" s="149"/>
      <c r="J389" s="149"/>
      <c r="K389" s="149"/>
      <c r="L389" s="149"/>
      <c r="M389" s="166"/>
      <c r="N389" s="166"/>
      <c r="O389" s="166"/>
      <c r="P389" s="46"/>
      <c r="Q389" s="46"/>
      <c r="R389" s="90"/>
    </row>
    <row r="390" spans="1:18">
      <c r="A390" s="46"/>
      <c r="B390" s="98"/>
      <c r="C390" s="130"/>
      <c r="D390" s="130"/>
      <c r="E390" s="28"/>
      <c r="F390" s="28"/>
      <c r="G390" s="149"/>
      <c r="H390" s="149"/>
      <c r="I390" s="149"/>
      <c r="J390" s="149"/>
      <c r="K390" s="149"/>
      <c r="L390" s="149"/>
      <c r="M390" s="166"/>
      <c r="N390" s="166"/>
      <c r="O390" s="166"/>
      <c r="P390" s="46"/>
      <c r="Q390" s="46"/>
      <c r="R390" s="90"/>
    </row>
    <row r="391" spans="1:18">
      <c r="A391" s="46"/>
      <c r="B391" s="98"/>
      <c r="C391" s="130"/>
      <c r="D391" s="130"/>
      <c r="E391" s="28"/>
      <c r="F391" s="28"/>
      <c r="G391" s="149"/>
      <c r="H391" s="149"/>
      <c r="I391" s="149"/>
      <c r="J391" s="149"/>
      <c r="K391" s="149"/>
      <c r="L391" s="149"/>
      <c r="M391" s="166"/>
      <c r="N391" s="166"/>
      <c r="O391" s="166"/>
      <c r="P391" s="46"/>
      <c r="Q391" s="46"/>
      <c r="R391" s="90"/>
    </row>
    <row r="392" spans="1:18">
      <c r="A392" s="46"/>
      <c r="B392" s="98"/>
      <c r="C392" s="130"/>
      <c r="D392" s="130"/>
      <c r="E392" s="28"/>
      <c r="F392" s="28"/>
      <c r="G392" s="149"/>
      <c r="H392" s="149"/>
      <c r="I392" s="149"/>
      <c r="J392" s="149"/>
      <c r="K392" s="149"/>
      <c r="L392" s="149"/>
      <c r="M392" s="166"/>
      <c r="N392" s="166"/>
      <c r="O392" s="166"/>
      <c r="P392" s="46"/>
      <c r="Q392" s="46"/>
      <c r="R392" s="90"/>
    </row>
    <row r="393" spans="1:18">
      <c r="A393" s="46"/>
      <c r="B393" s="98"/>
      <c r="C393" s="130"/>
      <c r="D393" s="130"/>
      <c r="E393" s="28"/>
      <c r="F393" s="28"/>
      <c r="G393" s="149"/>
      <c r="H393" s="149"/>
      <c r="I393" s="149"/>
      <c r="J393" s="149"/>
      <c r="K393" s="149"/>
      <c r="L393" s="149"/>
      <c r="M393" s="166"/>
      <c r="N393" s="166"/>
      <c r="O393" s="166"/>
      <c r="P393" s="46"/>
      <c r="Q393" s="46"/>
      <c r="R393" s="90"/>
    </row>
    <row r="394" spans="1:18" s="34" customFormat="1">
      <c r="A394" s="46"/>
      <c r="B394" s="98"/>
      <c r="C394" s="130"/>
      <c r="D394" s="130"/>
      <c r="E394" s="28"/>
      <c r="F394" s="28"/>
      <c r="G394" s="149"/>
      <c r="H394" s="149"/>
      <c r="I394" s="149"/>
      <c r="J394" s="149"/>
      <c r="K394" s="149"/>
      <c r="L394" s="149"/>
      <c r="M394" s="166"/>
      <c r="N394" s="166"/>
      <c r="O394" s="166"/>
      <c r="P394" s="46"/>
      <c r="Q394" s="46"/>
      <c r="R394" s="46"/>
    </row>
    <row r="395" spans="1:18" s="34" customFormat="1">
      <c r="A395" s="46"/>
      <c r="B395" s="98"/>
      <c r="C395" s="130"/>
      <c r="D395" s="130"/>
      <c r="E395" s="28"/>
      <c r="F395" s="28"/>
      <c r="G395" s="149"/>
      <c r="H395" s="149"/>
      <c r="I395" s="149"/>
      <c r="J395" s="149"/>
      <c r="K395" s="149"/>
      <c r="L395" s="149"/>
      <c r="M395" s="166"/>
      <c r="N395" s="166"/>
      <c r="O395" s="166"/>
      <c r="P395" s="46"/>
      <c r="Q395" s="46"/>
      <c r="R395" s="46"/>
    </row>
    <row r="396" spans="1:18" s="34" customFormat="1">
      <c r="A396" s="46"/>
      <c r="B396" s="98"/>
      <c r="C396" s="130"/>
      <c r="D396" s="130"/>
      <c r="E396" s="28"/>
      <c r="F396" s="28"/>
      <c r="G396" s="149"/>
      <c r="H396" s="149"/>
      <c r="I396" s="149"/>
      <c r="J396" s="149"/>
      <c r="K396" s="149"/>
      <c r="L396" s="149"/>
      <c r="M396" s="166"/>
      <c r="N396" s="166"/>
      <c r="O396" s="166"/>
      <c r="P396" s="46"/>
      <c r="Q396" s="46"/>
      <c r="R396" s="46"/>
    </row>
    <row r="397" spans="1:18" s="34" customFormat="1">
      <c r="A397" s="46"/>
      <c r="B397" s="98"/>
      <c r="C397" s="130"/>
      <c r="D397" s="130"/>
      <c r="E397" s="28"/>
      <c r="F397" s="28"/>
      <c r="G397" s="149"/>
      <c r="H397" s="149"/>
      <c r="I397" s="149"/>
      <c r="J397" s="149"/>
      <c r="K397" s="149"/>
      <c r="L397" s="149"/>
      <c r="M397" s="166"/>
      <c r="N397" s="166"/>
      <c r="O397" s="166"/>
      <c r="P397" s="46"/>
      <c r="Q397" s="46"/>
      <c r="R397" s="46"/>
    </row>
    <row r="398" spans="1:18" s="34" customFormat="1">
      <c r="A398" s="46"/>
      <c r="B398" s="98"/>
      <c r="C398" s="130"/>
      <c r="D398" s="130"/>
      <c r="E398" s="28"/>
      <c r="F398" s="28"/>
      <c r="G398" s="149"/>
      <c r="H398" s="149"/>
      <c r="I398" s="149"/>
      <c r="J398" s="149"/>
      <c r="K398" s="149"/>
      <c r="L398" s="149"/>
      <c r="M398" s="166"/>
      <c r="N398" s="166"/>
      <c r="O398" s="166"/>
      <c r="P398" s="46"/>
      <c r="Q398" s="46"/>
      <c r="R398" s="46"/>
    </row>
    <row r="399" spans="1:18" s="34" customFormat="1">
      <c r="A399" s="46"/>
      <c r="B399" s="98"/>
      <c r="C399" s="130"/>
      <c r="D399" s="130"/>
      <c r="E399" s="28"/>
      <c r="F399" s="28"/>
      <c r="G399" s="149"/>
      <c r="H399" s="149"/>
      <c r="I399" s="149"/>
      <c r="J399" s="149"/>
      <c r="K399" s="149"/>
      <c r="L399" s="149"/>
      <c r="M399" s="166"/>
      <c r="N399" s="166"/>
      <c r="O399" s="166"/>
      <c r="P399" s="46"/>
      <c r="Q399" s="46"/>
      <c r="R399" s="46"/>
    </row>
    <row r="400" spans="1:18" s="34" customFormat="1">
      <c r="A400" s="46"/>
      <c r="B400" s="98"/>
      <c r="C400" s="130"/>
      <c r="D400" s="130"/>
      <c r="E400" s="28"/>
      <c r="F400" s="28"/>
      <c r="G400" s="149"/>
      <c r="H400" s="149"/>
      <c r="I400" s="149"/>
      <c r="J400" s="149"/>
      <c r="K400" s="149"/>
      <c r="L400" s="149"/>
      <c r="M400" s="166"/>
      <c r="N400" s="166"/>
      <c r="O400" s="166"/>
      <c r="P400" s="46"/>
      <c r="Q400" s="46"/>
      <c r="R400" s="46"/>
    </row>
    <row r="401" spans="1:18" s="34" customFormat="1">
      <c r="A401" s="46"/>
      <c r="B401" s="98"/>
      <c r="C401" s="130"/>
      <c r="D401" s="130"/>
      <c r="E401" s="28"/>
      <c r="F401" s="28"/>
      <c r="G401" s="149"/>
      <c r="H401" s="149"/>
      <c r="I401" s="149"/>
      <c r="J401" s="149"/>
      <c r="K401" s="149"/>
      <c r="L401" s="149"/>
      <c r="M401" s="166"/>
      <c r="N401" s="166"/>
      <c r="O401" s="166"/>
      <c r="P401" s="46"/>
      <c r="Q401" s="46"/>
      <c r="R401" s="46"/>
    </row>
    <row r="402" spans="1:18" s="34" customFormat="1">
      <c r="A402" s="46"/>
      <c r="B402" s="98"/>
      <c r="C402" s="130"/>
      <c r="D402" s="130"/>
      <c r="E402" s="28"/>
      <c r="F402" s="28"/>
      <c r="G402" s="149"/>
      <c r="H402" s="149"/>
      <c r="I402" s="149"/>
      <c r="J402" s="149"/>
      <c r="K402" s="149"/>
      <c r="L402" s="149"/>
      <c r="M402" s="166"/>
      <c r="N402" s="166"/>
      <c r="O402" s="166"/>
      <c r="P402" s="46"/>
      <c r="Q402" s="46"/>
      <c r="R402" s="46"/>
    </row>
    <row r="403" spans="1:18" s="34" customFormat="1">
      <c r="A403" s="46"/>
      <c r="B403" s="98"/>
      <c r="C403" s="130"/>
      <c r="D403" s="130"/>
      <c r="E403" s="28"/>
      <c r="F403" s="28"/>
      <c r="G403" s="149"/>
      <c r="H403" s="149"/>
      <c r="I403" s="149"/>
      <c r="J403" s="149"/>
      <c r="K403" s="149"/>
      <c r="L403" s="149"/>
      <c r="M403" s="166"/>
      <c r="N403" s="166"/>
      <c r="O403" s="166"/>
      <c r="P403" s="46"/>
      <c r="Q403" s="46"/>
      <c r="R403" s="46"/>
    </row>
    <row r="404" spans="1:18" s="34" customFormat="1">
      <c r="B404" s="72"/>
      <c r="C404" s="144"/>
      <c r="D404" s="144"/>
      <c r="E404" s="31"/>
      <c r="F404" s="31"/>
      <c r="G404" s="164"/>
      <c r="H404" s="164"/>
      <c r="I404" s="164"/>
      <c r="J404" s="164"/>
      <c r="K404" s="164"/>
      <c r="L404" s="164"/>
      <c r="M404" s="181"/>
      <c r="N404" s="181"/>
      <c r="O404" s="181"/>
    </row>
    <row r="405" spans="1:18" s="34" customFormat="1">
      <c r="B405" s="72"/>
      <c r="C405" s="144"/>
      <c r="D405" s="144"/>
      <c r="E405" s="31"/>
      <c r="F405" s="31"/>
      <c r="G405" s="164"/>
      <c r="H405" s="164"/>
      <c r="I405" s="164"/>
      <c r="J405" s="164"/>
      <c r="K405" s="164"/>
      <c r="L405" s="164"/>
      <c r="M405" s="181"/>
      <c r="N405" s="181"/>
      <c r="O405" s="181"/>
    </row>
    <row r="406" spans="1:18" s="34" customFormat="1">
      <c r="B406" s="72"/>
      <c r="C406" s="144"/>
      <c r="D406" s="144"/>
      <c r="E406" s="31"/>
      <c r="F406" s="31"/>
      <c r="G406" s="164"/>
      <c r="H406" s="164"/>
      <c r="I406" s="164"/>
      <c r="J406" s="164"/>
      <c r="K406" s="164"/>
      <c r="L406" s="164"/>
      <c r="M406" s="181"/>
      <c r="N406" s="181"/>
      <c r="O406" s="181"/>
    </row>
    <row r="407" spans="1:18" s="34" customFormat="1">
      <c r="B407" s="72"/>
      <c r="C407" s="144"/>
      <c r="D407" s="144"/>
      <c r="E407" s="31"/>
      <c r="F407" s="31"/>
      <c r="G407" s="164"/>
      <c r="H407" s="164"/>
      <c r="I407" s="164"/>
      <c r="J407" s="164"/>
      <c r="K407" s="164"/>
      <c r="L407" s="164"/>
      <c r="M407" s="181"/>
      <c r="N407" s="181"/>
      <c r="O407" s="181"/>
    </row>
    <row r="408" spans="1:18" s="34" customFormat="1">
      <c r="B408" s="72"/>
      <c r="C408" s="144"/>
      <c r="D408" s="144"/>
      <c r="E408" s="31"/>
      <c r="F408" s="31"/>
      <c r="G408" s="164"/>
      <c r="H408" s="164"/>
      <c r="I408" s="164"/>
      <c r="J408" s="164"/>
      <c r="K408" s="164"/>
      <c r="L408" s="164"/>
      <c r="M408" s="181"/>
      <c r="N408" s="181"/>
      <c r="O408" s="181"/>
    </row>
    <row r="409" spans="1:18" s="34" customFormat="1">
      <c r="B409" s="72"/>
      <c r="C409" s="144"/>
      <c r="D409" s="144"/>
      <c r="E409" s="31"/>
      <c r="F409" s="31"/>
      <c r="G409" s="164"/>
      <c r="H409" s="164"/>
      <c r="I409" s="164"/>
      <c r="J409" s="164"/>
      <c r="K409" s="164"/>
      <c r="L409" s="164"/>
      <c r="M409" s="181"/>
      <c r="N409" s="181"/>
      <c r="O409" s="181"/>
    </row>
    <row r="410" spans="1:18" s="34" customFormat="1">
      <c r="B410" s="72"/>
      <c r="C410" s="144"/>
      <c r="D410" s="144"/>
      <c r="E410" s="31"/>
      <c r="F410" s="31"/>
      <c r="G410" s="164"/>
      <c r="H410" s="164"/>
      <c r="I410" s="164"/>
      <c r="J410" s="164"/>
      <c r="K410" s="164"/>
      <c r="L410" s="164"/>
      <c r="M410" s="181"/>
      <c r="N410" s="181"/>
      <c r="O410" s="181"/>
    </row>
    <row r="411" spans="1:18" s="34" customFormat="1">
      <c r="B411" s="72"/>
      <c r="C411" s="144"/>
      <c r="D411" s="144"/>
      <c r="E411" s="31"/>
      <c r="F411" s="31"/>
      <c r="G411" s="164"/>
      <c r="H411" s="164"/>
      <c r="I411" s="164"/>
      <c r="J411" s="164"/>
      <c r="K411" s="164"/>
      <c r="L411" s="164"/>
      <c r="M411" s="181"/>
      <c r="N411" s="181"/>
      <c r="O411" s="181"/>
    </row>
    <row r="412" spans="1:18" s="34" customFormat="1">
      <c r="B412" s="72"/>
      <c r="C412" s="144"/>
      <c r="D412" s="144"/>
      <c r="E412" s="31"/>
      <c r="F412" s="31"/>
      <c r="G412" s="164"/>
      <c r="H412" s="164"/>
      <c r="I412" s="164"/>
      <c r="J412" s="164"/>
      <c r="K412" s="164"/>
      <c r="L412" s="164"/>
      <c r="M412" s="181"/>
      <c r="N412" s="181"/>
      <c r="O412" s="181"/>
    </row>
    <row r="413" spans="1:18" s="34" customFormat="1">
      <c r="B413" s="72"/>
      <c r="C413" s="144"/>
      <c r="D413" s="144"/>
      <c r="E413" s="31"/>
      <c r="F413" s="31"/>
      <c r="G413" s="164"/>
      <c r="H413" s="164"/>
      <c r="I413" s="164"/>
      <c r="J413" s="164"/>
      <c r="K413" s="164"/>
      <c r="L413" s="164"/>
      <c r="M413" s="181"/>
      <c r="N413" s="181"/>
      <c r="O413" s="181"/>
    </row>
    <row r="414" spans="1:18" s="34" customFormat="1">
      <c r="B414" s="72"/>
      <c r="C414" s="144"/>
      <c r="D414" s="144"/>
      <c r="E414" s="31"/>
      <c r="F414" s="31"/>
      <c r="G414" s="164"/>
      <c r="H414" s="164"/>
      <c r="I414" s="164"/>
      <c r="J414" s="164"/>
      <c r="K414" s="164"/>
      <c r="L414" s="164"/>
      <c r="M414" s="181"/>
      <c r="N414" s="181"/>
      <c r="O414" s="181"/>
    </row>
    <row r="415" spans="1:18" s="34" customFormat="1">
      <c r="B415" s="72"/>
      <c r="C415" s="144"/>
      <c r="D415" s="144"/>
      <c r="E415" s="31"/>
      <c r="F415" s="31"/>
      <c r="G415" s="164"/>
      <c r="H415" s="164"/>
      <c r="I415" s="164"/>
      <c r="J415" s="164"/>
      <c r="K415" s="164"/>
      <c r="L415" s="164"/>
      <c r="M415" s="181"/>
      <c r="N415" s="181"/>
      <c r="O415" s="181"/>
    </row>
    <row r="416" spans="1:18" s="34" customFormat="1">
      <c r="B416" s="72"/>
      <c r="C416" s="144"/>
      <c r="D416" s="144"/>
      <c r="E416" s="31"/>
      <c r="F416" s="31"/>
      <c r="G416" s="164"/>
      <c r="H416" s="164"/>
      <c r="I416" s="164"/>
      <c r="J416" s="164"/>
      <c r="K416" s="164"/>
      <c r="L416" s="164"/>
      <c r="M416" s="181"/>
      <c r="N416" s="181"/>
      <c r="O416" s="181"/>
    </row>
    <row r="417" spans="2:15" s="34" customFormat="1">
      <c r="B417" s="72"/>
      <c r="C417" s="144"/>
      <c r="D417" s="144"/>
      <c r="E417" s="31"/>
      <c r="F417" s="31"/>
      <c r="G417" s="164"/>
      <c r="H417" s="164"/>
      <c r="I417" s="164"/>
      <c r="J417" s="164"/>
      <c r="K417" s="164"/>
      <c r="L417" s="164"/>
      <c r="M417" s="181"/>
      <c r="N417" s="181"/>
      <c r="O417" s="181"/>
    </row>
    <row r="418" spans="2:15" s="34" customFormat="1">
      <c r="B418" s="72"/>
      <c r="C418" s="144"/>
      <c r="D418" s="144"/>
      <c r="E418" s="31"/>
      <c r="F418" s="31"/>
      <c r="G418" s="164"/>
      <c r="H418" s="164"/>
      <c r="I418" s="164"/>
      <c r="J418" s="164"/>
      <c r="K418" s="164"/>
      <c r="L418" s="164"/>
      <c r="M418" s="181"/>
      <c r="N418" s="181"/>
      <c r="O418" s="181"/>
    </row>
    <row r="419" spans="2:15" s="34" customFormat="1">
      <c r="B419" s="72"/>
      <c r="C419" s="144"/>
      <c r="D419" s="144"/>
      <c r="E419" s="31"/>
      <c r="F419" s="31"/>
      <c r="G419" s="164"/>
      <c r="H419" s="164"/>
      <c r="I419" s="164"/>
      <c r="J419" s="164"/>
      <c r="K419" s="164"/>
      <c r="L419" s="164"/>
      <c r="M419" s="181"/>
      <c r="N419" s="181"/>
      <c r="O419" s="181"/>
    </row>
    <row r="420" spans="2:15" s="34" customFormat="1">
      <c r="B420" s="72"/>
      <c r="C420" s="144"/>
      <c r="D420" s="144"/>
      <c r="E420" s="31"/>
      <c r="F420" s="31"/>
      <c r="G420" s="164"/>
      <c r="H420" s="164"/>
      <c r="I420" s="164"/>
      <c r="J420" s="164"/>
      <c r="K420" s="164"/>
      <c r="L420" s="164"/>
      <c r="M420" s="181"/>
      <c r="N420" s="181"/>
      <c r="O420" s="181"/>
    </row>
    <row r="421" spans="2:15" s="34" customFormat="1">
      <c r="B421" s="72"/>
      <c r="C421" s="144"/>
      <c r="D421" s="144"/>
      <c r="E421" s="31"/>
      <c r="F421" s="31"/>
      <c r="G421" s="164"/>
      <c r="H421" s="164"/>
      <c r="I421" s="164"/>
      <c r="J421" s="164"/>
      <c r="K421" s="164"/>
      <c r="L421" s="164"/>
      <c r="M421" s="181"/>
      <c r="N421" s="181"/>
      <c r="O421" s="181"/>
    </row>
    <row r="422" spans="2:15" s="34" customFormat="1">
      <c r="B422" s="72"/>
      <c r="C422" s="144"/>
      <c r="D422" s="144"/>
      <c r="E422" s="31"/>
      <c r="F422" s="31"/>
      <c r="G422" s="164"/>
      <c r="H422" s="164"/>
      <c r="I422" s="164"/>
      <c r="J422" s="164"/>
      <c r="K422" s="164"/>
      <c r="L422" s="164"/>
      <c r="M422" s="181"/>
      <c r="N422" s="181"/>
      <c r="O422" s="181"/>
    </row>
    <row r="423" spans="2:15" s="34" customFormat="1">
      <c r="B423" s="72"/>
      <c r="C423" s="144"/>
      <c r="D423" s="144"/>
      <c r="E423" s="31"/>
      <c r="F423" s="31"/>
      <c r="G423" s="164"/>
      <c r="H423" s="164"/>
      <c r="I423" s="164"/>
      <c r="J423" s="164"/>
      <c r="K423" s="164"/>
      <c r="L423" s="164"/>
      <c r="M423" s="181"/>
      <c r="N423" s="181"/>
      <c r="O423" s="181"/>
    </row>
    <row r="424" spans="2:15" s="34" customFormat="1">
      <c r="B424" s="72"/>
      <c r="C424" s="144"/>
      <c r="D424" s="144"/>
      <c r="E424" s="31"/>
      <c r="F424" s="31"/>
      <c r="G424" s="164"/>
      <c r="H424" s="164"/>
      <c r="I424" s="164"/>
      <c r="J424" s="164"/>
      <c r="K424" s="164"/>
      <c r="L424" s="164"/>
      <c r="M424" s="181"/>
      <c r="N424" s="181"/>
      <c r="O424" s="181"/>
    </row>
    <row r="425" spans="2:15" s="34" customFormat="1">
      <c r="B425" s="72"/>
      <c r="C425" s="144"/>
      <c r="D425" s="144"/>
      <c r="E425" s="31"/>
      <c r="F425" s="31"/>
      <c r="G425" s="164"/>
      <c r="H425" s="164"/>
      <c r="I425" s="164"/>
      <c r="J425" s="164"/>
      <c r="K425" s="164"/>
      <c r="L425" s="164"/>
      <c r="M425" s="181"/>
      <c r="N425" s="181"/>
      <c r="O425" s="181"/>
    </row>
    <row r="426" spans="2:15" s="34" customFormat="1">
      <c r="B426" s="72"/>
      <c r="C426" s="144"/>
      <c r="D426" s="144"/>
      <c r="E426" s="31"/>
      <c r="F426" s="31"/>
      <c r="G426" s="164"/>
      <c r="H426" s="164"/>
      <c r="I426" s="164"/>
      <c r="J426" s="164"/>
      <c r="K426" s="164"/>
      <c r="L426" s="164"/>
      <c r="M426" s="181"/>
      <c r="N426" s="181"/>
      <c r="O426" s="181"/>
    </row>
    <row r="427" spans="2:15" s="34" customFormat="1">
      <c r="B427" s="72"/>
      <c r="C427" s="144"/>
      <c r="D427" s="144"/>
      <c r="E427" s="31"/>
      <c r="F427" s="31"/>
      <c r="G427" s="164"/>
      <c r="H427" s="164"/>
      <c r="I427" s="164"/>
      <c r="J427" s="164"/>
      <c r="K427" s="164"/>
      <c r="L427" s="164"/>
      <c r="M427" s="181"/>
      <c r="N427" s="181"/>
      <c r="O427" s="181"/>
    </row>
    <row r="428" spans="2:15" s="34" customFormat="1">
      <c r="B428" s="72"/>
      <c r="C428" s="144"/>
      <c r="D428" s="144"/>
      <c r="E428" s="31"/>
      <c r="F428" s="31"/>
      <c r="G428" s="164"/>
      <c r="H428" s="164"/>
      <c r="I428" s="164"/>
      <c r="J428" s="164"/>
      <c r="K428" s="164"/>
      <c r="L428" s="164"/>
      <c r="M428" s="181"/>
      <c r="N428" s="181"/>
      <c r="O428" s="181"/>
    </row>
    <row r="429" spans="2:15" s="34" customFormat="1">
      <c r="B429" s="72"/>
      <c r="C429" s="144"/>
      <c r="D429" s="144"/>
      <c r="E429" s="31"/>
      <c r="F429" s="31"/>
      <c r="G429" s="164"/>
      <c r="H429" s="164"/>
      <c r="I429" s="164"/>
      <c r="J429" s="164"/>
      <c r="K429" s="164"/>
      <c r="L429" s="164"/>
      <c r="M429" s="181"/>
      <c r="N429" s="181"/>
      <c r="O429" s="181"/>
    </row>
    <row r="430" spans="2:15" s="34" customFormat="1">
      <c r="B430" s="72"/>
      <c r="C430" s="144"/>
      <c r="D430" s="144"/>
      <c r="E430" s="31"/>
      <c r="F430" s="31"/>
      <c r="G430" s="164"/>
      <c r="H430" s="164"/>
      <c r="I430" s="164"/>
      <c r="J430" s="164"/>
      <c r="K430" s="164"/>
      <c r="L430" s="164"/>
      <c r="M430" s="181"/>
      <c r="N430" s="181"/>
      <c r="O430" s="181"/>
    </row>
    <row r="431" spans="2:15" s="34" customFormat="1">
      <c r="B431" s="72"/>
      <c r="C431" s="144"/>
      <c r="D431" s="144"/>
      <c r="E431" s="31"/>
      <c r="F431" s="31"/>
      <c r="G431" s="164"/>
      <c r="H431" s="164"/>
      <c r="I431" s="164"/>
      <c r="J431" s="164"/>
      <c r="K431" s="164"/>
      <c r="L431" s="164"/>
      <c r="M431" s="181"/>
      <c r="N431" s="181"/>
      <c r="O431" s="181"/>
    </row>
    <row r="432" spans="2:15" s="34" customFormat="1">
      <c r="B432" s="72"/>
      <c r="C432" s="144"/>
      <c r="D432" s="144"/>
      <c r="E432" s="31"/>
      <c r="F432" s="31"/>
      <c r="G432" s="164"/>
      <c r="H432" s="164"/>
      <c r="I432" s="164"/>
      <c r="J432" s="164"/>
      <c r="K432" s="164"/>
      <c r="L432" s="164"/>
      <c r="M432" s="181"/>
      <c r="N432" s="181"/>
      <c r="O432" s="181"/>
    </row>
    <row r="433" spans="2:15" s="34" customFormat="1">
      <c r="B433" s="72"/>
      <c r="C433" s="144"/>
      <c r="D433" s="144"/>
      <c r="E433" s="31"/>
      <c r="F433" s="31"/>
      <c r="G433" s="164"/>
      <c r="H433" s="164"/>
      <c r="I433" s="164"/>
      <c r="J433" s="164"/>
      <c r="K433" s="164"/>
      <c r="L433" s="164"/>
      <c r="M433" s="181"/>
      <c r="N433" s="181"/>
      <c r="O433" s="181"/>
    </row>
    <row r="434" spans="2:15" s="34" customFormat="1">
      <c r="B434" s="72"/>
      <c r="C434" s="144"/>
      <c r="D434" s="144"/>
      <c r="E434" s="31"/>
      <c r="F434" s="31"/>
      <c r="G434" s="164"/>
      <c r="H434" s="164"/>
      <c r="I434" s="164"/>
      <c r="J434" s="164"/>
      <c r="K434" s="164"/>
      <c r="L434" s="164"/>
      <c r="M434" s="181"/>
      <c r="N434" s="181"/>
      <c r="O434" s="181"/>
    </row>
    <row r="435" spans="2:15" s="34" customFormat="1">
      <c r="B435" s="72"/>
      <c r="C435" s="144"/>
      <c r="D435" s="144"/>
      <c r="E435" s="31"/>
      <c r="F435" s="31"/>
      <c r="G435" s="164"/>
      <c r="H435" s="164"/>
      <c r="I435" s="164"/>
      <c r="J435" s="164"/>
      <c r="K435" s="164"/>
      <c r="L435" s="164"/>
      <c r="M435" s="181"/>
      <c r="N435" s="181"/>
      <c r="O435" s="181"/>
    </row>
    <row r="436" spans="2:15" s="34" customFormat="1">
      <c r="B436" s="72"/>
      <c r="C436" s="144"/>
      <c r="D436" s="144"/>
      <c r="E436" s="31"/>
      <c r="F436" s="31"/>
      <c r="G436" s="164"/>
      <c r="H436" s="164"/>
      <c r="I436" s="164"/>
      <c r="J436" s="164"/>
      <c r="K436" s="164"/>
      <c r="L436" s="164"/>
      <c r="M436" s="181"/>
      <c r="N436" s="181"/>
      <c r="O436" s="181"/>
    </row>
    <row r="437" spans="2:15" s="34" customFormat="1">
      <c r="B437" s="72"/>
      <c r="C437" s="144"/>
      <c r="D437" s="144"/>
      <c r="E437" s="31"/>
      <c r="F437" s="31"/>
      <c r="G437" s="164"/>
      <c r="H437" s="164"/>
      <c r="I437" s="164"/>
      <c r="J437" s="164"/>
      <c r="K437" s="164"/>
      <c r="L437" s="164"/>
      <c r="M437" s="181"/>
      <c r="N437" s="181"/>
      <c r="O437" s="181"/>
    </row>
    <row r="438" spans="2:15" s="34" customFormat="1">
      <c r="B438" s="72"/>
      <c r="C438" s="144"/>
      <c r="D438" s="144"/>
      <c r="E438" s="31"/>
      <c r="F438" s="31"/>
      <c r="G438" s="164"/>
      <c r="H438" s="164"/>
      <c r="I438" s="164"/>
      <c r="J438" s="164"/>
      <c r="K438" s="164"/>
      <c r="L438" s="164"/>
      <c r="M438" s="181"/>
      <c r="N438" s="181"/>
      <c r="O438" s="181"/>
    </row>
    <row r="439" spans="2:15" s="34" customFormat="1">
      <c r="B439" s="72"/>
      <c r="C439" s="144"/>
      <c r="D439" s="144"/>
      <c r="E439" s="31"/>
      <c r="F439" s="31"/>
      <c r="G439" s="164"/>
      <c r="H439" s="164"/>
      <c r="I439" s="164"/>
      <c r="J439" s="164"/>
      <c r="K439" s="164"/>
      <c r="L439" s="164"/>
      <c r="M439" s="181"/>
      <c r="N439" s="181"/>
      <c r="O439" s="181"/>
    </row>
    <row r="440" spans="2:15" s="34" customFormat="1">
      <c r="B440" s="72"/>
      <c r="C440" s="144"/>
      <c r="D440" s="144"/>
      <c r="E440" s="31"/>
      <c r="F440" s="31"/>
      <c r="G440" s="164"/>
      <c r="H440" s="164"/>
      <c r="I440" s="164"/>
      <c r="J440" s="164"/>
      <c r="K440" s="164"/>
      <c r="L440" s="164"/>
      <c r="M440" s="181"/>
      <c r="N440" s="181"/>
      <c r="O440" s="181"/>
    </row>
    <row r="441" spans="2:15" s="34" customFormat="1">
      <c r="B441" s="72"/>
      <c r="C441" s="144"/>
      <c r="D441" s="144"/>
      <c r="E441" s="31"/>
      <c r="F441" s="31"/>
      <c r="G441" s="164"/>
      <c r="H441" s="164"/>
      <c r="I441" s="164"/>
      <c r="J441" s="164"/>
      <c r="K441" s="164"/>
      <c r="L441" s="164"/>
      <c r="M441" s="181"/>
      <c r="N441" s="181"/>
      <c r="O441" s="181"/>
    </row>
    <row r="442" spans="2:15" s="34" customFormat="1">
      <c r="B442" s="72"/>
      <c r="C442" s="144"/>
      <c r="D442" s="144"/>
      <c r="E442" s="31"/>
      <c r="F442" s="31"/>
      <c r="G442" s="164"/>
      <c r="H442" s="164"/>
      <c r="I442" s="164"/>
      <c r="J442" s="164"/>
      <c r="K442" s="164"/>
      <c r="L442" s="164"/>
      <c r="M442" s="181"/>
      <c r="N442" s="181"/>
      <c r="O442" s="181"/>
    </row>
    <row r="443" spans="2:15" s="34" customFormat="1">
      <c r="B443" s="72"/>
      <c r="C443" s="144"/>
      <c r="D443" s="144"/>
      <c r="E443" s="31"/>
      <c r="F443" s="31"/>
      <c r="G443" s="164"/>
      <c r="H443" s="164"/>
      <c r="I443" s="164"/>
      <c r="J443" s="164"/>
      <c r="K443" s="164"/>
      <c r="L443" s="164"/>
      <c r="M443" s="181"/>
      <c r="N443" s="181"/>
      <c r="O443" s="181"/>
    </row>
    <row r="444" spans="2:15" s="34" customFormat="1">
      <c r="B444" s="72"/>
      <c r="C444" s="144"/>
      <c r="D444" s="144"/>
      <c r="E444" s="31"/>
      <c r="F444" s="31"/>
      <c r="G444" s="164"/>
      <c r="H444" s="164"/>
      <c r="I444" s="164"/>
      <c r="J444" s="164"/>
      <c r="K444" s="164"/>
      <c r="L444" s="164"/>
      <c r="M444" s="181"/>
      <c r="N444" s="181"/>
      <c r="O444" s="181"/>
    </row>
    <row r="445" spans="2:15" s="34" customFormat="1">
      <c r="B445" s="72"/>
      <c r="C445" s="144"/>
      <c r="D445" s="144"/>
      <c r="E445" s="31"/>
      <c r="F445" s="31"/>
      <c r="G445" s="164"/>
      <c r="H445" s="164"/>
      <c r="I445" s="164"/>
      <c r="J445" s="164"/>
      <c r="K445" s="164"/>
      <c r="L445" s="164"/>
      <c r="M445" s="181"/>
      <c r="N445" s="181"/>
      <c r="O445" s="181"/>
    </row>
    <row r="446" spans="2:15" s="34" customFormat="1">
      <c r="B446" s="72"/>
      <c r="C446" s="144"/>
      <c r="D446" s="144"/>
      <c r="E446" s="31"/>
      <c r="F446" s="31"/>
      <c r="G446" s="164"/>
      <c r="H446" s="164"/>
      <c r="I446" s="164"/>
      <c r="J446" s="164"/>
      <c r="K446" s="164"/>
      <c r="L446" s="164"/>
      <c r="M446" s="181"/>
      <c r="N446" s="181"/>
      <c r="O446" s="181"/>
    </row>
    <row r="447" spans="2:15" s="34" customFormat="1">
      <c r="B447" s="72"/>
      <c r="C447" s="144"/>
      <c r="D447" s="144"/>
      <c r="E447" s="31"/>
      <c r="F447" s="31"/>
      <c r="G447" s="164"/>
      <c r="H447" s="164"/>
      <c r="I447" s="164"/>
      <c r="J447" s="164"/>
      <c r="K447" s="164"/>
      <c r="L447" s="164"/>
      <c r="M447" s="181"/>
      <c r="N447" s="181"/>
      <c r="O447" s="181"/>
    </row>
    <row r="448" spans="2:15" s="34" customFormat="1">
      <c r="B448" s="72"/>
      <c r="C448" s="144"/>
      <c r="D448" s="144"/>
      <c r="E448" s="31"/>
      <c r="F448" s="31"/>
      <c r="G448" s="164"/>
      <c r="H448" s="164"/>
      <c r="I448" s="164"/>
      <c r="J448" s="164"/>
      <c r="K448" s="164"/>
      <c r="L448" s="164"/>
      <c r="M448" s="181"/>
      <c r="N448" s="181"/>
      <c r="O448" s="181"/>
    </row>
    <row r="449" spans="2:15" s="34" customFormat="1">
      <c r="B449" s="72"/>
      <c r="C449" s="144"/>
      <c r="D449" s="144"/>
      <c r="E449" s="31"/>
      <c r="F449" s="31"/>
      <c r="G449" s="164"/>
      <c r="H449" s="164"/>
      <c r="I449" s="164"/>
      <c r="J449" s="164"/>
      <c r="K449" s="164"/>
      <c r="L449" s="164"/>
      <c r="M449" s="181"/>
      <c r="N449" s="181"/>
      <c r="O449" s="181"/>
    </row>
    <row r="450" spans="2:15" s="34" customFormat="1">
      <c r="B450" s="72"/>
      <c r="C450" s="144"/>
      <c r="D450" s="144"/>
      <c r="E450" s="31"/>
      <c r="F450" s="31"/>
      <c r="G450" s="164"/>
      <c r="H450" s="164"/>
      <c r="I450" s="164"/>
      <c r="J450" s="164"/>
      <c r="K450" s="164"/>
      <c r="L450" s="164"/>
      <c r="M450" s="181"/>
      <c r="N450" s="181"/>
      <c r="O450" s="181"/>
    </row>
    <row r="451" spans="2:15" s="34" customFormat="1">
      <c r="B451" s="72"/>
      <c r="C451" s="144"/>
      <c r="D451" s="144"/>
      <c r="E451" s="31"/>
      <c r="F451" s="31"/>
      <c r="G451" s="164"/>
      <c r="H451" s="164"/>
      <c r="I451" s="164"/>
      <c r="J451" s="164"/>
      <c r="K451" s="164"/>
      <c r="L451" s="164"/>
      <c r="M451" s="181"/>
      <c r="N451" s="181"/>
      <c r="O451" s="181"/>
    </row>
    <row r="452" spans="2:15" s="34" customFormat="1">
      <c r="B452" s="72"/>
      <c r="C452" s="144"/>
      <c r="D452" s="144"/>
      <c r="E452" s="31"/>
      <c r="F452" s="31"/>
      <c r="G452" s="164"/>
      <c r="H452" s="164"/>
      <c r="I452" s="164"/>
      <c r="J452" s="164"/>
      <c r="K452" s="164"/>
      <c r="L452" s="164"/>
      <c r="M452" s="181"/>
      <c r="N452" s="181"/>
      <c r="O452" s="181"/>
    </row>
    <row r="453" spans="2:15" s="34" customFormat="1">
      <c r="B453" s="72"/>
      <c r="C453" s="144"/>
      <c r="D453" s="144"/>
      <c r="E453" s="31"/>
      <c r="F453" s="31"/>
      <c r="G453" s="164"/>
      <c r="H453" s="164"/>
      <c r="I453" s="164"/>
      <c r="J453" s="164"/>
      <c r="K453" s="164"/>
      <c r="L453" s="164"/>
      <c r="M453" s="181"/>
      <c r="N453" s="181"/>
      <c r="O453" s="181"/>
    </row>
    <row r="454" spans="2:15" s="34" customFormat="1">
      <c r="B454" s="72"/>
      <c r="C454" s="144"/>
      <c r="D454" s="144"/>
      <c r="E454" s="31"/>
      <c r="F454" s="31"/>
      <c r="G454" s="164"/>
      <c r="H454" s="164"/>
      <c r="I454" s="164"/>
      <c r="J454" s="164"/>
      <c r="K454" s="164"/>
      <c r="L454" s="164"/>
      <c r="M454" s="181"/>
      <c r="N454" s="181"/>
      <c r="O454" s="181"/>
    </row>
    <row r="455" spans="2:15" s="34" customFormat="1">
      <c r="B455" s="72"/>
      <c r="C455" s="144"/>
      <c r="D455" s="144"/>
      <c r="E455" s="31"/>
      <c r="F455" s="31"/>
      <c r="G455" s="164"/>
      <c r="H455" s="164"/>
      <c r="I455" s="164"/>
      <c r="J455" s="164"/>
      <c r="K455" s="164"/>
      <c r="L455" s="164"/>
      <c r="M455" s="181"/>
      <c r="N455" s="181"/>
      <c r="O455" s="181"/>
    </row>
    <row r="456" spans="2:15" s="34" customFormat="1">
      <c r="B456" s="72"/>
      <c r="C456" s="144"/>
      <c r="D456" s="144"/>
      <c r="E456" s="31"/>
      <c r="F456" s="31"/>
      <c r="G456" s="164"/>
      <c r="H456" s="164"/>
      <c r="I456" s="164"/>
      <c r="J456" s="164"/>
      <c r="K456" s="164"/>
      <c r="L456" s="164"/>
      <c r="M456" s="181"/>
      <c r="N456" s="181"/>
      <c r="O456" s="181"/>
    </row>
    <row r="457" spans="2:15" s="34" customFormat="1">
      <c r="B457" s="72"/>
      <c r="C457" s="144"/>
      <c r="D457" s="144"/>
      <c r="E457" s="31"/>
      <c r="F457" s="31"/>
      <c r="G457" s="164"/>
      <c r="H457" s="164"/>
      <c r="I457" s="164"/>
      <c r="J457" s="164"/>
      <c r="K457" s="164"/>
      <c r="L457" s="164"/>
      <c r="M457" s="181"/>
      <c r="N457" s="181"/>
      <c r="O457" s="181"/>
    </row>
    <row r="458" spans="2:15" s="34" customFormat="1">
      <c r="B458" s="72"/>
      <c r="C458" s="144"/>
      <c r="D458" s="144"/>
      <c r="E458" s="31"/>
      <c r="F458" s="31"/>
      <c r="G458" s="164"/>
      <c r="H458" s="164"/>
      <c r="I458" s="164"/>
      <c r="J458" s="164"/>
      <c r="K458" s="164"/>
      <c r="L458" s="164"/>
      <c r="M458" s="181"/>
      <c r="N458" s="181"/>
      <c r="O458" s="181"/>
    </row>
    <row r="459" spans="2:15" s="34" customFormat="1">
      <c r="B459" s="72"/>
      <c r="C459" s="144"/>
      <c r="D459" s="144"/>
      <c r="E459" s="31"/>
      <c r="F459" s="31"/>
      <c r="G459" s="164"/>
      <c r="H459" s="164"/>
      <c r="I459" s="164"/>
      <c r="J459" s="164"/>
      <c r="K459" s="164"/>
      <c r="L459" s="164"/>
      <c r="M459" s="181"/>
      <c r="N459" s="181"/>
      <c r="O459" s="181"/>
    </row>
    <row r="460" spans="2:15" s="34" customFormat="1">
      <c r="B460" s="72"/>
      <c r="C460" s="144"/>
      <c r="D460" s="144"/>
      <c r="E460" s="31"/>
      <c r="F460" s="31"/>
      <c r="G460" s="164"/>
      <c r="H460" s="164"/>
      <c r="I460" s="164"/>
      <c r="J460" s="164"/>
      <c r="K460" s="164"/>
      <c r="L460" s="164"/>
      <c r="M460" s="181"/>
      <c r="N460" s="181"/>
      <c r="O460" s="181"/>
    </row>
    <row r="461" spans="2:15" s="34" customFormat="1">
      <c r="B461" s="72"/>
      <c r="C461" s="144"/>
      <c r="D461" s="144"/>
      <c r="E461" s="31"/>
      <c r="F461" s="31"/>
      <c r="G461" s="164"/>
      <c r="H461" s="164"/>
      <c r="I461" s="164"/>
      <c r="J461" s="164"/>
      <c r="K461" s="164"/>
      <c r="L461" s="164"/>
      <c r="M461" s="181"/>
      <c r="N461" s="181"/>
      <c r="O461" s="181"/>
    </row>
    <row r="462" spans="2:15" s="34" customFormat="1">
      <c r="B462" s="72"/>
      <c r="C462" s="144"/>
      <c r="D462" s="144"/>
      <c r="E462" s="31"/>
      <c r="F462" s="31"/>
      <c r="G462" s="164"/>
      <c r="H462" s="164"/>
      <c r="I462" s="164"/>
      <c r="J462" s="164"/>
      <c r="K462" s="164"/>
      <c r="L462" s="164"/>
      <c r="M462" s="181"/>
      <c r="N462" s="181"/>
      <c r="O462" s="181"/>
    </row>
    <row r="463" spans="2:15" s="34" customFormat="1">
      <c r="B463" s="72"/>
      <c r="C463" s="144"/>
      <c r="D463" s="144"/>
      <c r="E463" s="31"/>
      <c r="F463" s="31"/>
      <c r="G463" s="164"/>
      <c r="H463" s="164"/>
      <c r="I463" s="164"/>
      <c r="J463" s="164"/>
      <c r="K463" s="164"/>
      <c r="L463" s="164"/>
      <c r="M463" s="181"/>
      <c r="N463" s="181"/>
      <c r="O463" s="181"/>
    </row>
    <row r="464" spans="2:15" s="34" customFormat="1">
      <c r="B464" s="72"/>
      <c r="C464" s="144"/>
      <c r="D464" s="144"/>
      <c r="E464" s="31"/>
      <c r="F464" s="31"/>
      <c r="G464" s="164"/>
      <c r="H464" s="164"/>
      <c r="I464" s="164"/>
      <c r="J464" s="164"/>
      <c r="K464" s="164"/>
      <c r="L464" s="164"/>
      <c r="M464" s="181"/>
      <c r="N464" s="181"/>
      <c r="O464" s="181"/>
    </row>
    <row r="465" spans="2:15" s="34" customFormat="1">
      <c r="B465" s="72"/>
      <c r="C465" s="144"/>
      <c r="D465" s="144"/>
      <c r="E465" s="31"/>
      <c r="F465" s="31"/>
      <c r="G465" s="164"/>
      <c r="H465" s="164"/>
      <c r="I465" s="164"/>
      <c r="J465" s="164"/>
      <c r="K465" s="164"/>
      <c r="L465" s="164"/>
      <c r="M465" s="181"/>
      <c r="N465" s="181"/>
      <c r="O465" s="181"/>
    </row>
    <row r="466" spans="2:15" s="34" customFormat="1">
      <c r="B466" s="72"/>
      <c r="C466" s="144"/>
      <c r="D466" s="144"/>
      <c r="E466" s="31"/>
      <c r="F466" s="31"/>
      <c r="G466" s="164"/>
      <c r="H466" s="164"/>
      <c r="I466" s="164"/>
      <c r="J466" s="164"/>
      <c r="K466" s="164"/>
      <c r="L466" s="164"/>
      <c r="M466" s="181"/>
      <c r="N466" s="181"/>
      <c r="O466" s="181"/>
    </row>
    <row r="467" spans="2:15" s="34" customFormat="1">
      <c r="B467" s="72"/>
      <c r="C467" s="144"/>
      <c r="D467" s="144"/>
      <c r="E467" s="31"/>
      <c r="F467" s="31"/>
      <c r="G467" s="164"/>
      <c r="H467" s="164"/>
      <c r="I467" s="164"/>
      <c r="J467" s="164"/>
      <c r="K467" s="164"/>
      <c r="L467" s="164"/>
      <c r="M467" s="181"/>
      <c r="N467" s="181"/>
      <c r="O467" s="181"/>
    </row>
    <row r="468" spans="2:15" s="34" customFormat="1">
      <c r="B468" s="72"/>
      <c r="C468" s="144"/>
      <c r="D468" s="144"/>
      <c r="E468" s="31"/>
      <c r="F468" s="31"/>
      <c r="G468" s="164"/>
      <c r="H468" s="164"/>
      <c r="I468" s="164"/>
      <c r="J468" s="164"/>
      <c r="K468" s="164"/>
      <c r="L468" s="164"/>
      <c r="M468" s="181"/>
      <c r="N468" s="181"/>
      <c r="O468" s="181"/>
    </row>
    <row r="469" spans="2:15" s="34" customFormat="1">
      <c r="B469" s="72"/>
      <c r="C469" s="144"/>
      <c r="D469" s="144"/>
      <c r="E469" s="31"/>
      <c r="F469" s="31"/>
      <c r="G469" s="164"/>
      <c r="H469" s="164"/>
      <c r="I469" s="164"/>
      <c r="J469" s="164"/>
      <c r="K469" s="164"/>
      <c r="L469" s="164"/>
      <c r="M469" s="181"/>
      <c r="N469" s="181"/>
      <c r="O469" s="181"/>
    </row>
    <row r="470" spans="2:15" s="34" customFormat="1">
      <c r="B470" s="72"/>
      <c r="C470" s="144"/>
      <c r="D470" s="144"/>
      <c r="E470" s="31"/>
      <c r="F470" s="31"/>
      <c r="G470" s="164"/>
      <c r="H470" s="164"/>
      <c r="I470" s="164"/>
      <c r="J470" s="164"/>
      <c r="K470" s="164"/>
      <c r="L470" s="164"/>
      <c r="M470" s="181"/>
      <c r="N470" s="181"/>
      <c r="O470" s="181"/>
    </row>
    <row r="471" spans="2:15" s="34" customFormat="1">
      <c r="B471" s="72"/>
      <c r="C471" s="144"/>
      <c r="D471" s="144"/>
      <c r="E471" s="31"/>
      <c r="F471" s="31"/>
      <c r="G471" s="164"/>
      <c r="H471" s="164"/>
      <c r="I471" s="164"/>
      <c r="J471" s="164"/>
      <c r="K471" s="164"/>
      <c r="L471" s="164"/>
      <c r="M471" s="181"/>
      <c r="N471" s="181"/>
      <c r="O471" s="181"/>
    </row>
    <row r="472" spans="2:15" s="34" customFormat="1">
      <c r="B472" s="72"/>
      <c r="C472" s="144"/>
      <c r="D472" s="144"/>
      <c r="E472" s="31"/>
      <c r="F472" s="31"/>
      <c r="G472" s="164"/>
      <c r="H472" s="164"/>
      <c r="I472" s="164"/>
      <c r="J472" s="164"/>
      <c r="K472" s="164"/>
      <c r="L472" s="164"/>
      <c r="M472" s="181"/>
      <c r="N472" s="181"/>
      <c r="O472" s="181"/>
    </row>
    <row r="473" spans="2:15" s="34" customFormat="1">
      <c r="B473" s="72"/>
      <c r="C473" s="144"/>
      <c r="D473" s="144"/>
      <c r="E473" s="31"/>
      <c r="F473" s="31"/>
      <c r="G473" s="164"/>
      <c r="H473" s="164"/>
      <c r="I473" s="164"/>
      <c r="J473" s="164"/>
      <c r="K473" s="164"/>
      <c r="L473" s="164"/>
      <c r="M473" s="181"/>
      <c r="N473" s="181"/>
      <c r="O473" s="181"/>
    </row>
    <row r="474" spans="2:15" s="34" customFormat="1">
      <c r="B474" s="72"/>
      <c r="C474" s="144"/>
      <c r="D474" s="144"/>
      <c r="E474" s="31"/>
      <c r="F474" s="31"/>
      <c r="G474" s="164"/>
      <c r="H474" s="164"/>
      <c r="I474" s="164"/>
      <c r="J474" s="164"/>
      <c r="K474" s="164"/>
      <c r="L474" s="164"/>
      <c r="M474" s="181"/>
      <c r="N474" s="181"/>
      <c r="O474" s="181"/>
    </row>
    <row r="475" spans="2:15" s="34" customFormat="1">
      <c r="B475" s="72"/>
      <c r="C475" s="144"/>
      <c r="D475" s="144"/>
      <c r="E475" s="31"/>
      <c r="F475" s="31"/>
      <c r="G475" s="164"/>
      <c r="H475" s="164"/>
      <c r="I475" s="164"/>
      <c r="J475" s="164"/>
      <c r="K475" s="164"/>
      <c r="L475" s="164"/>
      <c r="M475" s="181"/>
      <c r="N475" s="181"/>
      <c r="O475" s="181"/>
    </row>
    <row r="476" spans="2:15" s="34" customFormat="1">
      <c r="B476" s="72"/>
      <c r="C476" s="144"/>
      <c r="D476" s="144"/>
      <c r="E476" s="31"/>
      <c r="F476" s="31"/>
      <c r="G476" s="164"/>
      <c r="H476" s="164"/>
      <c r="I476" s="164"/>
      <c r="J476" s="164"/>
      <c r="K476" s="164"/>
      <c r="L476" s="164"/>
      <c r="M476" s="181"/>
      <c r="N476" s="181"/>
      <c r="O476" s="181"/>
    </row>
    <row r="477" spans="2:15" s="34" customFormat="1">
      <c r="B477" s="72"/>
      <c r="C477" s="144"/>
      <c r="D477" s="144"/>
      <c r="E477" s="31"/>
      <c r="F477" s="31"/>
      <c r="G477" s="164"/>
      <c r="H477" s="164"/>
      <c r="I477" s="164"/>
      <c r="J477" s="164"/>
      <c r="K477" s="164"/>
      <c r="L477" s="164"/>
      <c r="M477" s="181"/>
      <c r="N477" s="181"/>
      <c r="O477" s="181"/>
    </row>
    <row r="478" spans="2:15" s="34" customFormat="1">
      <c r="B478" s="72"/>
      <c r="C478" s="144"/>
      <c r="D478" s="144"/>
      <c r="E478" s="31"/>
      <c r="F478" s="31"/>
      <c r="G478" s="164"/>
      <c r="H478" s="164"/>
      <c r="I478" s="164"/>
      <c r="J478" s="164"/>
      <c r="K478" s="164"/>
      <c r="L478" s="164"/>
      <c r="M478" s="181"/>
      <c r="N478" s="181"/>
      <c r="O478" s="181"/>
    </row>
    <row r="479" spans="2:15" s="34" customFormat="1">
      <c r="B479" s="72"/>
      <c r="C479" s="144"/>
      <c r="D479" s="144"/>
      <c r="E479" s="31"/>
      <c r="F479" s="31"/>
      <c r="G479" s="164"/>
      <c r="H479" s="164"/>
      <c r="I479" s="164"/>
      <c r="J479" s="164"/>
      <c r="K479" s="164"/>
      <c r="L479" s="164"/>
      <c r="M479" s="181"/>
      <c r="N479" s="181"/>
      <c r="O479" s="181"/>
    </row>
    <row r="480" spans="2:15" s="34" customFormat="1">
      <c r="B480" s="72"/>
      <c r="C480" s="144"/>
      <c r="D480" s="144"/>
      <c r="E480" s="31"/>
      <c r="F480" s="31"/>
      <c r="G480" s="164"/>
      <c r="H480" s="164"/>
      <c r="I480" s="164"/>
      <c r="J480" s="164"/>
      <c r="K480" s="164"/>
      <c r="L480" s="164"/>
      <c r="M480" s="181"/>
      <c r="N480" s="181"/>
      <c r="O480" s="181"/>
    </row>
    <row r="481" spans="2:15" s="34" customFormat="1">
      <c r="B481" s="72"/>
      <c r="C481" s="144"/>
      <c r="D481" s="144"/>
      <c r="E481" s="31"/>
      <c r="F481" s="31"/>
      <c r="G481" s="164"/>
      <c r="H481" s="164"/>
      <c r="I481" s="164"/>
      <c r="J481" s="164"/>
      <c r="K481" s="164"/>
      <c r="L481" s="164"/>
      <c r="M481" s="181"/>
      <c r="N481" s="181"/>
      <c r="O481" s="181"/>
    </row>
    <row r="482" spans="2:15" s="34" customFormat="1">
      <c r="B482" s="72"/>
      <c r="C482" s="144"/>
      <c r="D482" s="144"/>
      <c r="E482" s="31"/>
      <c r="F482" s="31"/>
      <c r="G482" s="164"/>
      <c r="H482" s="164"/>
      <c r="I482" s="164"/>
      <c r="J482" s="164"/>
      <c r="K482" s="164"/>
      <c r="L482" s="164"/>
      <c r="M482" s="181"/>
      <c r="N482" s="181"/>
      <c r="O482" s="181"/>
    </row>
    <row r="483" spans="2:15" s="34" customFormat="1">
      <c r="B483" s="72"/>
      <c r="C483" s="144"/>
      <c r="D483" s="144"/>
      <c r="E483" s="31"/>
      <c r="F483" s="31"/>
      <c r="G483" s="164"/>
      <c r="H483" s="164"/>
      <c r="I483" s="164"/>
      <c r="J483" s="164"/>
      <c r="K483" s="164"/>
      <c r="L483" s="164"/>
      <c r="M483" s="181"/>
      <c r="N483" s="181"/>
      <c r="O483" s="181"/>
    </row>
    <row r="484" spans="2:15" s="34" customFormat="1">
      <c r="B484" s="72"/>
      <c r="C484" s="144"/>
      <c r="D484" s="144"/>
      <c r="E484" s="31"/>
      <c r="F484" s="31"/>
      <c r="G484" s="164"/>
      <c r="H484" s="164"/>
      <c r="I484" s="164"/>
      <c r="J484" s="164"/>
      <c r="K484" s="164"/>
      <c r="L484" s="164"/>
      <c r="M484" s="181"/>
      <c r="N484" s="181"/>
      <c r="O484" s="181"/>
    </row>
    <row r="485" spans="2:15" s="34" customFormat="1">
      <c r="B485" s="72"/>
      <c r="C485" s="144"/>
      <c r="D485" s="144"/>
      <c r="E485" s="31"/>
      <c r="F485" s="31"/>
      <c r="G485" s="164"/>
      <c r="H485" s="164"/>
      <c r="I485" s="164"/>
      <c r="J485" s="164"/>
      <c r="K485" s="164"/>
      <c r="L485" s="164"/>
      <c r="M485" s="181"/>
      <c r="N485" s="181"/>
      <c r="O485" s="181"/>
    </row>
    <row r="486" spans="2:15" s="34" customFormat="1">
      <c r="B486" s="72"/>
      <c r="C486" s="144"/>
      <c r="D486" s="144"/>
      <c r="E486" s="31"/>
      <c r="F486" s="31"/>
      <c r="G486" s="164"/>
      <c r="H486" s="164"/>
      <c r="I486" s="164"/>
      <c r="J486" s="164"/>
      <c r="K486" s="164"/>
      <c r="L486" s="164"/>
      <c r="M486" s="181"/>
      <c r="N486" s="181"/>
      <c r="O486" s="181"/>
    </row>
    <row r="487" spans="2:15" s="34" customFormat="1">
      <c r="B487" s="72"/>
      <c r="C487" s="144"/>
      <c r="D487" s="144"/>
      <c r="E487" s="31"/>
      <c r="F487" s="31"/>
      <c r="G487" s="164"/>
      <c r="H487" s="164"/>
      <c r="I487" s="164"/>
      <c r="J487" s="164"/>
      <c r="K487" s="164"/>
      <c r="L487" s="164"/>
      <c r="M487" s="181"/>
      <c r="N487" s="181"/>
      <c r="O487" s="181"/>
    </row>
    <row r="488" spans="2:15" s="34" customFormat="1">
      <c r="B488" s="72"/>
      <c r="C488" s="144"/>
      <c r="D488" s="144"/>
      <c r="E488" s="31"/>
      <c r="F488" s="31"/>
      <c r="G488" s="164"/>
      <c r="H488" s="164"/>
      <c r="I488" s="164"/>
      <c r="J488" s="164"/>
      <c r="K488" s="164"/>
      <c r="L488" s="164"/>
      <c r="M488" s="181"/>
      <c r="N488" s="181"/>
      <c r="O488" s="181"/>
    </row>
    <row r="489" spans="2:15" s="34" customFormat="1">
      <c r="B489" s="72"/>
      <c r="C489" s="144"/>
      <c r="D489" s="144"/>
      <c r="E489" s="31"/>
      <c r="F489" s="31"/>
      <c r="G489" s="164"/>
      <c r="H489" s="164"/>
      <c r="I489" s="164"/>
      <c r="J489" s="164"/>
      <c r="K489" s="164"/>
      <c r="L489" s="164"/>
      <c r="M489" s="181"/>
      <c r="N489" s="181"/>
      <c r="O489" s="181"/>
    </row>
    <row r="490" spans="2:15" s="34" customFormat="1">
      <c r="B490" s="72"/>
      <c r="C490" s="144"/>
      <c r="D490" s="144"/>
      <c r="E490" s="31"/>
      <c r="F490" s="31"/>
      <c r="G490" s="164"/>
      <c r="H490" s="164"/>
      <c r="I490" s="164"/>
      <c r="J490" s="164"/>
      <c r="K490" s="164"/>
      <c r="L490" s="164"/>
      <c r="M490" s="181"/>
      <c r="N490" s="181"/>
      <c r="O490" s="181"/>
    </row>
    <row r="491" spans="2:15" s="34" customFormat="1">
      <c r="B491" s="72"/>
      <c r="C491" s="144"/>
      <c r="D491" s="144"/>
      <c r="E491" s="31"/>
      <c r="F491" s="31"/>
      <c r="G491" s="164"/>
      <c r="H491" s="164"/>
      <c r="I491" s="164"/>
      <c r="J491" s="164"/>
      <c r="K491" s="164"/>
      <c r="L491" s="164"/>
      <c r="M491" s="181"/>
      <c r="N491" s="181"/>
      <c r="O491" s="181"/>
    </row>
    <row r="492" spans="2:15" s="34" customFormat="1">
      <c r="B492" s="72"/>
      <c r="C492" s="144"/>
      <c r="D492" s="144"/>
      <c r="E492" s="31"/>
      <c r="F492" s="31"/>
      <c r="G492" s="164"/>
      <c r="H492" s="164"/>
      <c r="I492" s="164"/>
      <c r="J492" s="164"/>
      <c r="K492" s="164"/>
      <c r="L492" s="164"/>
      <c r="M492" s="181"/>
      <c r="N492" s="181"/>
      <c r="O492" s="181"/>
    </row>
    <row r="493" spans="2:15" s="34" customFormat="1">
      <c r="B493" s="72"/>
      <c r="C493" s="144"/>
      <c r="D493" s="144"/>
      <c r="E493" s="31"/>
      <c r="F493" s="31"/>
      <c r="G493" s="164"/>
      <c r="H493" s="164"/>
      <c r="I493" s="164"/>
      <c r="J493" s="164"/>
      <c r="K493" s="164"/>
      <c r="L493" s="164"/>
      <c r="M493" s="181"/>
      <c r="N493" s="181"/>
      <c r="O493" s="181"/>
    </row>
    <row r="494" spans="2:15" s="34" customFormat="1">
      <c r="B494" s="72"/>
      <c r="C494" s="144"/>
      <c r="D494" s="144"/>
      <c r="E494" s="31"/>
      <c r="F494" s="31"/>
      <c r="G494" s="164"/>
      <c r="H494" s="164"/>
      <c r="I494" s="164"/>
      <c r="J494" s="164"/>
      <c r="K494" s="164"/>
      <c r="L494" s="164"/>
      <c r="M494" s="181"/>
      <c r="N494" s="181"/>
      <c r="O494" s="181"/>
    </row>
    <row r="495" spans="2:15" s="34" customFormat="1">
      <c r="B495" s="72"/>
      <c r="C495" s="144"/>
      <c r="D495" s="144"/>
      <c r="E495" s="31"/>
      <c r="F495" s="31"/>
      <c r="G495" s="164"/>
      <c r="H495" s="164"/>
      <c r="I495" s="164"/>
      <c r="J495" s="164"/>
      <c r="K495" s="164"/>
      <c r="L495" s="164"/>
      <c r="M495" s="181"/>
      <c r="N495" s="181"/>
      <c r="O495" s="181"/>
    </row>
    <row r="496" spans="2:15" s="34" customFormat="1">
      <c r="B496" s="72"/>
      <c r="C496" s="144"/>
      <c r="D496" s="144"/>
      <c r="E496" s="31"/>
      <c r="F496" s="31"/>
      <c r="G496" s="164"/>
      <c r="H496" s="164"/>
      <c r="I496" s="164"/>
      <c r="J496" s="164"/>
      <c r="K496" s="164"/>
      <c r="L496" s="164"/>
      <c r="M496" s="181"/>
      <c r="N496" s="181"/>
      <c r="O496" s="181"/>
    </row>
    <row r="497" spans="2:15" s="34" customFormat="1">
      <c r="B497" s="72"/>
      <c r="C497" s="144"/>
      <c r="D497" s="144"/>
      <c r="E497" s="31"/>
      <c r="F497" s="31"/>
      <c r="G497" s="164"/>
      <c r="H497" s="164"/>
      <c r="I497" s="164"/>
      <c r="J497" s="164"/>
      <c r="K497" s="164"/>
      <c r="L497" s="164"/>
      <c r="M497" s="181"/>
      <c r="N497" s="181"/>
      <c r="O497" s="181"/>
    </row>
    <row r="498" spans="2:15" s="34" customFormat="1">
      <c r="B498" s="72"/>
      <c r="C498" s="144"/>
      <c r="D498" s="144"/>
      <c r="E498" s="31"/>
      <c r="F498" s="31"/>
      <c r="G498" s="164"/>
      <c r="H498" s="164"/>
      <c r="I498" s="164"/>
      <c r="J498" s="164"/>
      <c r="K498" s="164"/>
      <c r="L498" s="164"/>
      <c r="M498" s="181"/>
      <c r="N498" s="181"/>
      <c r="O498" s="181"/>
    </row>
    <row r="499" spans="2:15" s="34" customFormat="1">
      <c r="B499" s="72"/>
      <c r="C499" s="144"/>
      <c r="D499" s="144"/>
      <c r="E499" s="31"/>
      <c r="F499" s="31"/>
      <c r="G499" s="164"/>
      <c r="H499" s="164"/>
      <c r="I499" s="164"/>
      <c r="J499" s="164"/>
      <c r="K499" s="164"/>
      <c r="L499" s="164"/>
      <c r="M499" s="181"/>
      <c r="N499" s="181"/>
      <c r="O499" s="181"/>
    </row>
    <row r="500" spans="2:15" s="34" customFormat="1">
      <c r="B500" s="72"/>
      <c r="C500" s="144"/>
      <c r="D500" s="144"/>
      <c r="E500" s="31"/>
      <c r="F500" s="31"/>
      <c r="G500" s="164"/>
      <c r="H500" s="164"/>
      <c r="I500" s="164"/>
      <c r="J500" s="164"/>
      <c r="K500" s="164"/>
      <c r="L500" s="164"/>
      <c r="M500" s="181"/>
      <c r="N500" s="181"/>
      <c r="O500" s="181"/>
    </row>
    <row r="501" spans="2:15" s="34" customFormat="1">
      <c r="B501" s="72"/>
      <c r="C501" s="144"/>
      <c r="D501" s="144"/>
      <c r="E501" s="31"/>
      <c r="F501" s="31"/>
      <c r="G501" s="164"/>
      <c r="H501" s="164"/>
      <c r="I501" s="164"/>
      <c r="J501" s="164"/>
      <c r="K501" s="164"/>
      <c r="L501" s="164"/>
      <c r="M501" s="181"/>
      <c r="N501" s="181"/>
      <c r="O501" s="181"/>
    </row>
    <row r="502" spans="2:15" s="34" customFormat="1">
      <c r="B502" s="72"/>
      <c r="C502" s="144"/>
      <c r="D502" s="144"/>
      <c r="E502" s="31"/>
      <c r="F502" s="31"/>
      <c r="G502" s="164"/>
      <c r="H502" s="164"/>
      <c r="I502" s="164"/>
      <c r="J502" s="164"/>
      <c r="K502" s="164"/>
      <c r="L502" s="164"/>
      <c r="M502" s="181"/>
      <c r="N502" s="181"/>
      <c r="O502" s="181"/>
    </row>
    <row r="503" spans="2:15" s="34" customFormat="1">
      <c r="B503" s="72"/>
      <c r="C503" s="144"/>
      <c r="D503" s="144"/>
      <c r="E503" s="31"/>
      <c r="F503" s="31"/>
      <c r="G503" s="164"/>
      <c r="H503" s="164"/>
      <c r="I503" s="164"/>
      <c r="J503" s="164"/>
      <c r="K503" s="164"/>
      <c r="L503" s="164"/>
      <c r="M503" s="181"/>
      <c r="N503" s="181"/>
      <c r="O503" s="181"/>
    </row>
    <row r="504" spans="2:15" s="34" customFormat="1">
      <c r="B504" s="72"/>
      <c r="C504" s="144"/>
      <c r="D504" s="144"/>
      <c r="E504" s="31"/>
      <c r="F504" s="31"/>
      <c r="G504" s="164"/>
      <c r="H504" s="164"/>
      <c r="I504" s="164"/>
      <c r="J504" s="164"/>
      <c r="K504" s="164"/>
      <c r="L504" s="164"/>
      <c r="M504" s="181"/>
      <c r="N504" s="181"/>
      <c r="O504" s="181"/>
    </row>
    <row r="505" spans="2:15" s="34" customFormat="1">
      <c r="B505" s="72"/>
      <c r="C505" s="144"/>
      <c r="D505" s="144"/>
      <c r="E505" s="31"/>
      <c r="F505" s="31"/>
      <c r="G505" s="164"/>
      <c r="H505" s="164"/>
      <c r="I505" s="164"/>
      <c r="J505" s="164"/>
      <c r="K505" s="164"/>
      <c r="L505" s="164"/>
      <c r="M505" s="181"/>
      <c r="N505" s="181"/>
      <c r="O505" s="181"/>
    </row>
    <row r="506" spans="2:15" s="34" customFormat="1">
      <c r="B506" s="72"/>
      <c r="C506" s="144"/>
      <c r="D506" s="144"/>
      <c r="E506" s="31"/>
      <c r="F506" s="31"/>
      <c r="G506" s="164"/>
      <c r="H506" s="164"/>
      <c r="I506" s="164"/>
      <c r="J506" s="164"/>
      <c r="K506" s="164"/>
      <c r="L506" s="164"/>
      <c r="M506" s="181"/>
      <c r="N506" s="181"/>
      <c r="O506" s="181"/>
    </row>
    <row r="507" spans="2:15" s="34" customFormat="1">
      <c r="B507" s="72"/>
      <c r="C507" s="144"/>
      <c r="D507" s="144"/>
      <c r="E507" s="31"/>
      <c r="F507" s="31"/>
      <c r="G507" s="164"/>
      <c r="H507" s="164"/>
      <c r="I507" s="164"/>
      <c r="J507" s="164"/>
      <c r="K507" s="164"/>
      <c r="L507" s="164"/>
      <c r="M507" s="181"/>
      <c r="N507" s="181"/>
      <c r="O507" s="181"/>
    </row>
    <row r="508" spans="2:15" s="34" customFormat="1">
      <c r="B508" s="72"/>
      <c r="C508" s="144"/>
      <c r="D508" s="144"/>
      <c r="E508" s="31"/>
      <c r="F508" s="31"/>
      <c r="G508" s="164"/>
      <c r="H508" s="164"/>
      <c r="I508" s="164"/>
      <c r="J508" s="164"/>
      <c r="K508" s="164"/>
      <c r="L508" s="164"/>
      <c r="M508" s="181"/>
      <c r="N508" s="181"/>
      <c r="O508" s="181"/>
    </row>
    <row r="509" spans="2:15" s="34" customFormat="1">
      <c r="B509" s="72"/>
      <c r="C509" s="144"/>
      <c r="D509" s="144"/>
      <c r="E509" s="31"/>
      <c r="F509" s="31"/>
      <c r="G509" s="164"/>
      <c r="H509" s="164"/>
      <c r="I509" s="164"/>
      <c r="J509" s="164"/>
      <c r="K509" s="164"/>
      <c r="L509" s="164"/>
      <c r="M509" s="181"/>
      <c r="N509" s="181"/>
      <c r="O509" s="181"/>
    </row>
    <row r="510" spans="2:15" s="34" customFormat="1">
      <c r="B510" s="72"/>
      <c r="C510" s="144"/>
      <c r="D510" s="144"/>
      <c r="E510" s="31"/>
      <c r="F510" s="31"/>
      <c r="G510" s="164"/>
      <c r="H510" s="164"/>
      <c r="I510" s="164"/>
      <c r="J510" s="164"/>
      <c r="K510" s="164"/>
      <c r="L510" s="164"/>
      <c r="M510" s="181"/>
      <c r="N510" s="181"/>
      <c r="O510" s="181"/>
    </row>
    <row r="511" spans="2:15" s="34" customFormat="1">
      <c r="B511" s="72"/>
      <c r="C511" s="144"/>
      <c r="D511" s="144"/>
      <c r="E511" s="31"/>
      <c r="F511" s="31"/>
      <c r="G511" s="164"/>
      <c r="H511" s="164"/>
      <c r="I511" s="164"/>
      <c r="J511" s="164"/>
      <c r="K511" s="164"/>
      <c r="L511" s="164"/>
      <c r="M511" s="181"/>
      <c r="N511" s="181"/>
      <c r="O511" s="181"/>
    </row>
    <row r="512" spans="2:15" s="34" customFormat="1">
      <c r="B512" s="72"/>
      <c r="C512" s="144"/>
      <c r="D512" s="144"/>
      <c r="E512" s="31"/>
      <c r="F512" s="31"/>
      <c r="G512" s="164"/>
      <c r="H512" s="164"/>
      <c r="I512" s="164"/>
      <c r="J512" s="164"/>
      <c r="K512" s="164"/>
      <c r="L512" s="164"/>
      <c r="M512" s="181"/>
      <c r="N512" s="181"/>
      <c r="O512" s="181"/>
    </row>
    <row r="513" spans="2:15" s="34" customFormat="1">
      <c r="B513" s="72"/>
      <c r="C513" s="144"/>
      <c r="D513" s="144"/>
      <c r="E513" s="31"/>
      <c r="F513" s="31"/>
      <c r="G513" s="164"/>
      <c r="H513" s="164"/>
      <c r="I513" s="164"/>
      <c r="J513" s="164"/>
      <c r="K513" s="164"/>
      <c r="L513" s="164"/>
      <c r="M513" s="181"/>
      <c r="N513" s="181"/>
      <c r="O513" s="181"/>
    </row>
    <row r="514" spans="2:15" s="34" customFormat="1">
      <c r="B514" s="72"/>
      <c r="C514" s="144"/>
      <c r="D514" s="144"/>
      <c r="E514" s="31"/>
      <c r="F514" s="31"/>
      <c r="G514" s="164"/>
      <c r="H514" s="164"/>
      <c r="I514" s="164"/>
      <c r="J514" s="164"/>
      <c r="K514" s="164"/>
      <c r="L514" s="164"/>
      <c r="M514" s="181"/>
      <c r="N514" s="181"/>
      <c r="O514" s="181"/>
    </row>
    <row r="515" spans="2:15" s="34" customFormat="1">
      <c r="B515" s="72"/>
      <c r="C515" s="144"/>
      <c r="D515" s="144"/>
      <c r="E515" s="31"/>
      <c r="F515" s="31"/>
      <c r="G515" s="164"/>
      <c r="H515" s="164"/>
      <c r="I515" s="164"/>
      <c r="J515" s="164"/>
      <c r="K515" s="164"/>
      <c r="L515" s="164"/>
      <c r="M515" s="181"/>
      <c r="N515" s="181"/>
      <c r="O515" s="181"/>
    </row>
    <row r="516" spans="2:15" s="34" customFormat="1">
      <c r="B516" s="72"/>
      <c r="C516" s="144"/>
      <c r="D516" s="144"/>
      <c r="E516" s="31"/>
      <c r="F516" s="31"/>
      <c r="G516" s="164"/>
      <c r="H516" s="164"/>
      <c r="I516" s="164"/>
      <c r="J516" s="164"/>
      <c r="K516" s="164"/>
      <c r="L516" s="164"/>
      <c r="M516" s="181"/>
      <c r="N516" s="181"/>
      <c r="O516" s="181"/>
    </row>
    <row r="517" spans="2:15" s="34" customFormat="1">
      <c r="B517" s="72"/>
      <c r="C517" s="144"/>
      <c r="D517" s="144"/>
      <c r="E517" s="31"/>
      <c r="F517" s="31"/>
      <c r="G517" s="164"/>
      <c r="H517" s="164"/>
      <c r="I517" s="164"/>
      <c r="J517" s="164"/>
      <c r="K517" s="164"/>
      <c r="L517" s="164"/>
      <c r="M517" s="181"/>
      <c r="N517" s="181"/>
      <c r="O517" s="181"/>
    </row>
    <row r="518" spans="2:15" s="34" customFormat="1">
      <c r="B518" s="72"/>
      <c r="C518" s="144"/>
      <c r="D518" s="144"/>
      <c r="E518" s="31"/>
      <c r="F518" s="31"/>
      <c r="G518" s="164"/>
      <c r="H518" s="164"/>
      <c r="I518" s="164"/>
      <c r="J518" s="164"/>
      <c r="K518" s="164"/>
      <c r="L518" s="164"/>
      <c r="M518" s="181"/>
      <c r="N518" s="181"/>
      <c r="O518" s="181"/>
    </row>
    <row r="519" spans="2:15" s="34" customFormat="1">
      <c r="B519" s="72"/>
      <c r="C519" s="144"/>
      <c r="D519" s="144"/>
      <c r="E519" s="31"/>
      <c r="F519" s="31"/>
      <c r="G519" s="164"/>
      <c r="H519" s="164"/>
      <c r="I519" s="164"/>
      <c r="J519" s="164"/>
      <c r="K519" s="164"/>
      <c r="L519" s="164"/>
      <c r="M519" s="181"/>
      <c r="N519" s="181"/>
      <c r="O519" s="181"/>
    </row>
    <row r="520" spans="2:15" s="34" customFormat="1">
      <c r="B520" s="72"/>
      <c r="C520" s="144"/>
      <c r="D520" s="144"/>
      <c r="E520" s="31"/>
      <c r="F520" s="31"/>
      <c r="G520" s="164"/>
      <c r="H520" s="164"/>
      <c r="I520" s="164"/>
      <c r="J520" s="164"/>
      <c r="K520" s="164"/>
      <c r="L520" s="164"/>
      <c r="M520" s="181"/>
      <c r="N520" s="181"/>
      <c r="O520" s="181"/>
    </row>
    <row r="521" spans="2:15" s="34" customFormat="1">
      <c r="B521" s="72"/>
      <c r="C521" s="144"/>
      <c r="D521" s="144"/>
      <c r="E521" s="31"/>
      <c r="F521" s="31"/>
      <c r="G521" s="164"/>
      <c r="H521" s="164"/>
      <c r="I521" s="164"/>
      <c r="J521" s="164"/>
      <c r="K521" s="164"/>
      <c r="L521" s="164"/>
      <c r="M521" s="181"/>
      <c r="N521" s="181"/>
      <c r="O521" s="181"/>
    </row>
    <row r="522" spans="2:15" s="34" customFormat="1">
      <c r="B522" s="72"/>
      <c r="C522" s="144"/>
      <c r="D522" s="144"/>
      <c r="E522" s="31"/>
      <c r="F522" s="31"/>
      <c r="G522" s="164"/>
      <c r="H522" s="164"/>
      <c r="I522" s="164"/>
      <c r="J522" s="164"/>
      <c r="K522" s="164"/>
      <c r="L522" s="164"/>
      <c r="M522" s="181"/>
      <c r="N522" s="181"/>
      <c r="O522" s="181"/>
    </row>
    <row r="523" spans="2:15" s="34" customFormat="1">
      <c r="B523" s="72"/>
      <c r="C523" s="144"/>
      <c r="D523" s="144"/>
      <c r="E523" s="31"/>
      <c r="F523" s="31"/>
      <c r="G523" s="164"/>
      <c r="H523" s="164"/>
      <c r="I523" s="164"/>
      <c r="J523" s="164"/>
      <c r="K523" s="164"/>
      <c r="L523" s="164"/>
      <c r="M523" s="181"/>
      <c r="N523" s="181"/>
      <c r="O523" s="181"/>
    </row>
    <row r="524" spans="2:15" s="34" customFormat="1">
      <c r="B524" s="72"/>
      <c r="C524" s="144"/>
      <c r="D524" s="144"/>
      <c r="E524" s="31"/>
      <c r="F524" s="31"/>
      <c r="G524" s="164"/>
      <c r="H524" s="164"/>
      <c r="I524" s="164"/>
      <c r="J524" s="164"/>
      <c r="K524" s="164"/>
      <c r="L524" s="164"/>
      <c r="M524" s="181"/>
      <c r="N524" s="181"/>
      <c r="O524" s="181"/>
    </row>
    <row r="525" spans="2:15" s="34" customFormat="1">
      <c r="B525" s="72"/>
      <c r="C525" s="144"/>
      <c r="D525" s="144"/>
      <c r="E525" s="31"/>
      <c r="F525" s="31"/>
      <c r="G525" s="164"/>
      <c r="H525" s="164"/>
      <c r="I525" s="164"/>
      <c r="J525" s="164"/>
      <c r="K525" s="164"/>
      <c r="L525" s="164"/>
      <c r="M525" s="181"/>
      <c r="N525" s="181"/>
      <c r="O525" s="181"/>
    </row>
    <row r="526" spans="2:15" s="34" customFormat="1">
      <c r="B526" s="72"/>
      <c r="C526" s="144"/>
      <c r="D526" s="144"/>
      <c r="E526" s="31"/>
      <c r="F526" s="31"/>
      <c r="G526" s="164"/>
      <c r="H526" s="164"/>
      <c r="I526" s="164"/>
      <c r="J526" s="164"/>
      <c r="K526" s="164"/>
      <c r="L526" s="164"/>
      <c r="M526" s="181"/>
      <c r="N526" s="181"/>
      <c r="O526" s="181"/>
    </row>
    <row r="527" spans="2:15" s="34" customFormat="1">
      <c r="B527" s="72"/>
      <c r="C527" s="144"/>
      <c r="D527" s="144"/>
      <c r="E527" s="31"/>
      <c r="F527" s="31"/>
      <c r="G527" s="164"/>
      <c r="H527" s="164"/>
      <c r="I527" s="164"/>
      <c r="J527" s="164"/>
      <c r="K527" s="164"/>
      <c r="L527" s="164"/>
      <c r="M527" s="181"/>
      <c r="N527" s="181"/>
      <c r="O527" s="181"/>
    </row>
    <row r="528" spans="2:15" s="34" customFormat="1">
      <c r="B528" s="72"/>
      <c r="C528" s="144"/>
      <c r="D528" s="144"/>
      <c r="E528" s="31"/>
      <c r="F528" s="31"/>
      <c r="G528" s="164"/>
      <c r="H528" s="164"/>
      <c r="I528" s="164"/>
      <c r="J528" s="164"/>
      <c r="K528" s="164"/>
      <c r="L528" s="164"/>
      <c r="M528" s="181"/>
      <c r="N528" s="181"/>
      <c r="O528" s="181"/>
    </row>
    <row r="529" spans="2:15" s="34" customFormat="1">
      <c r="B529" s="72"/>
      <c r="C529" s="144"/>
      <c r="D529" s="144"/>
      <c r="E529" s="31"/>
      <c r="F529" s="31"/>
      <c r="G529" s="164"/>
      <c r="H529" s="164"/>
      <c r="I529" s="164"/>
      <c r="J529" s="164"/>
      <c r="K529" s="164"/>
      <c r="L529" s="164"/>
      <c r="M529" s="181"/>
      <c r="N529" s="181"/>
      <c r="O529" s="181"/>
    </row>
    <row r="530" spans="2:15" s="34" customFormat="1">
      <c r="B530" s="72"/>
      <c r="C530" s="144"/>
      <c r="D530" s="144"/>
      <c r="E530" s="31"/>
      <c r="F530" s="31"/>
      <c r="G530" s="164"/>
      <c r="H530" s="164"/>
      <c r="I530" s="164"/>
      <c r="J530" s="164"/>
      <c r="K530" s="164"/>
      <c r="L530" s="164"/>
      <c r="M530" s="181"/>
      <c r="N530" s="181"/>
      <c r="O530" s="181"/>
    </row>
    <row r="531" spans="2:15" s="34" customFormat="1">
      <c r="B531" s="72"/>
      <c r="C531" s="144"/>
      <c r="D531" s="144"/>
      <c r="E531" s="31"/>
      <c r="F531" s="31"/>
      <c r="G531" s="164"/>
      <c r="H531" s="164"/>
      <c r="I531" s="164"/>
      <c r="J531" s="164"/>
      <c r="K531" s="164"/>
      <c r="L531" s="164"/>
      <c r="M531" s="181"/>
      <c r="N531" s="181"/>
      <c r="O531" s="181"/>
    </row>
    <row r="532" spans="2:15" s="34" customFormat="1">
      <c r="B532" s="72"/>
      <c r="C532" s="144"/>
      <c r="D532" s="144"/>
      <c r="E532" s="31"/>
      <c r="F532" s="31"/>
      <c r="G532" s="164"/>
      <c r="H532" s="164"/>
      <c r="I532" s="164"/>
      <c r="J532" s="164"/>
      <c r="K532" s="164"/>
      <c r="L532" s="164"/>
      <c r="M532" s="181"/>
      <c r="N532" s="181"/>
      <c r="O532" s="181"/>
    </row>
    <row r="533" spans="2:15" s="34" customFormat="1">
      <c r="B533" s="72"/>
      <c r="C533" s="144"/>
      <c r="D533" s="144"/>
      <c r="E533" s="31"/>
      <c r="F533" s="31"/>
      <c r="G533" s="164"/>
      <c r="H533" s="164"/>
      <c r="I533" s="164"/>
      <c r="J533" s="164"/>
      <c r="K533" s="164"/>
      <c r="L533" s="164"/>
      <c r="M533" s="181"/>
      <c r="N533" s="181"/>
      <c r="O533" s="181"/>
    </row>
    <row r="534" spans="2:15" s="34" customFormat="1">
      <c r="B534" s="72"/>
      <c r="C534" s="144"/>
      <c r="D534" s="144"/>
      <c r="E534" s="31"/>
      <c r="F534" s="31"/>
      <c r="G534" s="164"/>
      <c r="H534" s="164"/>
      <c r="I534" s="164"/>
      <c r="J534" s="164"/>
      <c r="K534" s="164"/>
      <c r="L534" s="164"/>
      <c r="M534" s="181"/>
      <c r="N534" s="181"/>
      <c r="O534" s="181"/>
    </row>
    <row r="535" spans="2:15" s="34" customFormat="1">
      <c r="B535" s="72"/>
      <c r="C535" s="144"/>
      <c r="D535" s="144"/>
      <c r="E535" s="31"/>
      <c r="F535" s="31"/>
      <c r="G535" s="164"/>
      <c r="H535" s="164"/>
      <c r="I535" s="164"/>
      <c r="J535" s="164"/>
      <c r="K535" s="164"/>
      <c r="L535" s="164"/>
      <c r="M535" s="181"/>
      <c r="N535" s="181"/>
      <c r="O535" s="181"/>
    </row>
    <row r="536" spans="2:15" s="34" customFormat="1">
      <c r="B536" s="72"/>
      <c r="C536" s="144"/>
      <c r="D536" s="144"/>
      <c r="E536" s="31"/>
      <c r="F536" s="31"/>
      <c r="G536" s="164"/>
      <c r="H536" s="164"/>
      <c r="I536" s="164"/>
      <c r="J536" s="164"/>
      <c r="K536" s="164"/>
      <c r="L536" s="164"/>
      <c r="M536" s="181"/>
      <c r="N536" s="181"/>
      <c r="O536" s="181"/>
    </row>
    <row r="537" spans="2:15" s="34" customFormat="1">
      <c r="B537" s="72"/>
      <c r="C537" s="144"/>
      <c r="D537" s="144"/>
      <c r="E537" s="31"/>
      <c r="F537" s="31"/>
      <c r="G537" s="164"/>
      <c r="H537" s="164"/>
      <c r="I537" s="164"/>
      <c r="J537" s="164"/>
      <c r="K537" s="164"/>
      <c r="L537" s="164"/>
      <c r="M537" s="181"/>
      <c r="N537" s="181"/>
      <c r="O537" s="181"/>
    </row>
    <row r="538" spans="2:15" s="34" customFormat="1">
      <c r="B538" s="72"/>
      <c r="C538" s="144"/>
      <c r="D538" s="144"/>
      <c r="E538" s="31"/>
      <c r="F538" s="31"/>
      <c r="G538" s="164"/>
      <c r="H538" s="164"/>
      <c r="I538" s="164"/>
      <c r="J538" s="164"/>
      <c r="K538" s="164"/>
      <c r="L538" s="164"/>
      <c r="M538" s="181"/>
      <c r="N538" s="181"/>
      <c r="O538" s="181"/>
    </row>
    <row r="539" spans="2:15" s="34" customFormat="1">
      <c r="B539" s="72"/>
      <c r="C539" s="144"/>
      <c r="D539" s="144"/>
      <c r="E539" s="31"/>
      <c r="F539" s="31"/>
      <c r="G539" s="164"/>
      <c r="H539" s="164"/>
      <c r="I539" s="164"/>
      <c r="J539" s="164"/>
      <c r="K539" s="164"/>
      <c r="L539" s="164"/>
      <c r="M539" s="181"/>
      <c r="N539" s="181"/>
      <c r="O539" s="181"/>
    </row>
    <row r="540" spans="2:15" s="34" customFormat="1">
      <c r="B540" s="72"/>
      <c r="C540" s="144"/>
      <c r="D540" s="144"/>
      <c r="E540" s="31"/>
      <c r="F540" s="31"/>
      <c r="G540" s="164"/>
      <c r="H540" s="164"/>
      <c r="I540" s="164"/>
      <c r="J540" s="164"/>
      <c r="K540" s="164"/>
      <c r="L540" s="164"/>
      <c r="M540" s="181"/>
      <c r="N540" s="181"/>
      <c r="O540" s="181"/>
    </row>
    <row r="541" spans="2:15" s="34" customFormat="1">
      <c r="B541" s="72"/>
      <c r="C541" s="144"/>
      <c r="D541" s="144"/>
      <c r="E541" s="31"/>
      <c r="F541" s="31"/>
      <c r="G541" s="164"/>
      <c r="H541" s="164"/>
      <c r="I541" s="164"/>
      <c r="J541" s="164"/>
      <c r="K541" s="164"/>
      <c r="L541" s="164"/>
      <c r="M541" s="181"/>
      <c r="N541" s="181"/>
      <c r="O541" s="181"/>
    </row>
    <row r="542" spans="2:15" s="34" customFormat="1">
      <c r="B542" s="72"/>
      <c r="C542" s="144"/>
      <c r="D542" s="144"/>
      <c r="E542" s="31"/>
      <c r="F542" s="31"/>
      <c r="G542" s="164"/>
      <c r="H542" s="164"/>
      <c r="I542" s="164"/>
      <c r="J542" s="164"/>
      <c r="K542" s="164"/>
      <c r="L542" s="164"/>
      <c r="M542" s="181"/>
      <c r="N542" s="181"/>
      <c r="O542" s="181"/>
    </row>
    <row r="543" spans="2:15" s="34" customFormat="1">
      <c r="B543" s="72"/>
      <c r="C543" s="144"/>
      <c r="D543" s="144"/>
      <c r="E543" s="31"/>
      <c r="F543" s="31"/>
      <c r="G543" s="164"/>
      <c r="H543" s="164"/>
      <c r="I543" s="164"/>
      <c r="J543" s="164"/>
      <c r="K543" s="164"/>
      <c r="L543" s="164"/>
      <c r="M543" s="181"/>
      <c r="N543" s="181"/>
      <c r="O543" s="181"/>
    </row>
    <row r="544" spans="2:15" s="34" customFormat="1">
      <c r="B544" s="72"/>
      <c r="C544" s="144"/>
      <c r="D544" s="144"/>
      <c r="E544" s="31"/>
      <c r="F544" s="31"/>
      <c r="G544" s="164"/>
      <c r="H544" s="164"/>
      <c r="I544" s="164"/>
      <c r="J544" s="164"/>
      <c r="K544" s="164"/>
      <c r="L544" s="164"/>
      <c r="M544" s="181"/>
      <c r="N544" s="181"/>
      <c r="O544" s="181"/>
    </row>
    <row r="545" spans="2:15" s="34" customFormat="1">
      <c r="B545" s="72"/>
      <c r="C545" s="144"/>
      <c r="D545" s="144"/>
      <c r="E545" s="31"/>
      <c r="F545" s="31"/>
      <c r="G545" s="164"/>
      <c r="H545" s="164"/>
      <c r="I545" s="164"/>
      <c r="J545" s="164"/>
      <c r="K545" s="164"/>
      <c r="L545" s="164"/>
      <c r="M545" s="181"/>
      <c r="N545" s="181"/>
      <c r="O545" s="181"/>
    </row>
    <row r="546" spans="2:15" s="34" customFormat="1">
      <c r="B546" s="72"/>
      <c r="C546" s="144"/>
      <c r="D546" s="144"/>
      <c r="E546" s="31"/>
      <c r="F546" s="31"/>
      <c r="G546" s="164"/>
      <c r="H546" s="164"/>
      <c r="I546" s="164"/>
      <c r="J546" s="164"/>
      <c r="K546" s="164"/>
      <c r="L546" s="164"/>
      <c r="M546" s="181"/>
      <c r="N546" s="181"/>
      <c r="O546" s="181"/>
    </row>
    <row r="547" spans="2:15" s="34" customFormat="1">
      <c r="B547" s="72"/>
      <c r="C547" s="144"/>
      <c r="D547" s="144"/>
      <c r="E547" s="31"/>
      <c r="F547" s="31"/>
      <c r="G547" s="164"/>
      <c r="H547" s="164"/>
      <c r="I547" s="164"/>
      <c r="J547" s="164"/>
      <c r="K547" s="164"/>
      <c r="L547" s="164"/>
      <c r="M547" s="181"/>
      <c r="N547" s="181"/>
      <c r="O547" s="181"/>
    </row>
    <row r="548" spans="2:15" s="34" customFormat="1">
      <c r="B548" s="72"/>
      <c r="C548" s="144"/>
      <c r="D548" s="144"/>
      <c r="E548" s="31"/>
      <c r="F548" s="31"/>
      <c r="G548" s="164"/>
      <c r="H548" s="164"/>
      <c r="I548" s="164"/>
      <c r="J548" s="164"/>
      <c r="K548" s="164"/>
      <c r="L548" s="164"/>
      <c r="M548" s="181"/>
      <c r="N548" s="181"/>
      <c r="O548" s="181"/>
    </row>
    <row r="549" spans="2:15" s="34" customFormat="1">
      <c r="B549" s="72"/>
      <c r="C549" s="144"/>
      <c r="D549" s="144"/>
      <c r="E549" s="31"/>
      <c r="F549" s="31"/>
      <c r="G549" s="164"/>
      <c r="H549" s="164"/>
      <c r="I549" s="164"/>
      <c r="J549" s="164"/>
      <c r="K549" s="164"/>
      <c r="L549" s="164"/>
      <c r="M549" s="181"/>
      <c r="N549" s="181"/>
      <c r="O549" s="181"/>
    </row>
    <row r="550" spans="2:15" s="34" customFormat="1">
      <c r="B550" s="72"/>
      <c r="C550" s="144"/>
      <c r="D550" s="144"/>
      <c r="E550" s="31"/>
      <c r="F550" s="31"/>
      <c r="G550" s="164"/>
      <c r="H550" s="164"/>
      <c r="I550" s="164"/>
      <c r="J550" s="164"/>
      <c r="K550" s="164"/>
      <c r="L550" s="164"/>
      <c r="M550" s="181"/>
      <c r="N550" s="181"/>
      <c r="O550" s="181"/>
    </row>
    <row r="551" spans="2:15" s="34" customFormat="1">
      <c r="B551" s="72"/>
      <c r="C551" s="144"/>
      <c r="D551" s="144"/>
      <c r="E551" s="31"/>
      <c r="F551" s="31"/>
      <c r="G551" s="164"/>
      <c r="H551" s="164"/>
      <c r="I551" s="164"/>
      <c r="J551" s="164"/>
      <c r="K551" s="164"/>
      <c r="L551" s="164"/>
      <c r="M551" s="181"/>
      <c r="N551" s="181"/>
      <c r="O551" s="181"/>
    </row>
    <row r="552" spans="2:15" s="34" customFormat="1">
      <c r="B552" s="72"/>
      <c r="C552" s="144"/>
      <c r="D552" s="144"/>
      <c r="E552" s="31"/>
      <c r="F552" s="31"/>
      <c r="G552" s="164"/>
      <c r="H552" s="164"/>
      <c r="I552" s="164"/>
      <c r="J552" s="164"/>
      <c r="K552" s="164"/>
      <c r="L552" s="164"/>
      <c r="M552" s="181"/>
      <c r="N552" s="181"/>
      <c r="O552" s="181"/>
    </row>
    <row r="553" spans="2:15" s="34" customFormat="1">
      <c r="B553" s="72"/>
      <c r="C553" s="144"/>
      <c r="D553" s="144"/>
      <c r="E553" s="31"/>
      <c r="F553" s="31"/>
      <c r="G553" s="164"/>
      <c r="H553" s="164"/>
      <c r="I553" s="164"/>
      <c r="J553" s="164"/>
      <c r="K553" s="164"/>
      <c r="L553" s="164"/>
      <c r="M553" s="181"/>
      <c r="N553" s="181"/>
      <c r="O553" s="181"/>
    </row>
    <row r="554" spans="2:15" s="34" customFormat="1">
      <c r="B554" s="72"/>
      <c r="C554" s="144"/>
      <c r="D554" s="144"/>
      <c r="E554" s="31"/>
      <c r="F554" s="31"/>
      <c r="G554" s="164"/>
      <c r="H554" s="164"/>
      <c r="I554" s="164"/>
      <c r="J554" s="164"/>
      <c r="K554" s="164"/>
      <c r="L554" s="164"/>
      <c r="M554" s="181"/>
      <c r="N554" s="181"/>
      <c r="O554" s="181"/>
    </row>
    <row r="555" spans="2:15" s="34" customFormat="1">
      <c r="B555" s="72"/>
      <c r="C555" s="144"/>
      <c r="D555" s="144"/>
      <c r="E555" s="31"/>
      <c r="F555" s="31"/>
      <c r="G555" s="164"/>
      <c r="H555" s="164"/>
      <c r="I555" s="164"/>
      <c r="J555" s="164"/>
      <c r="K555" s="164"/>
      <c r="L555" s="164"/>
      <c r="M555" s="181"/>
      <c r="N555" s="181"/>
      <c r="O555" s="181"/>
    </row>
    <row r="556" spans="2:15" s="34" customFormat="1">
      <c r="B556" s="72"/>
      <c r="C556" s="144"/>
      <c r="D556" s="144"/>
      <c r="E556" s="31"/>
      <c r="F556" s="31"/>
      <c r="G556" s="164"/>
      <c r="H556" s="164"/>
      <c r="I556" s="164"/>
      <c r="J556" s="164"/>
      <c r="K556" s="164"/>
      <c r="L556" s="164"/>
      <c r="M556" s="181"/>
      <c r="N556" s="181"/>
      <c r="O556" s="181"/>
    </row>
    <row r="557" spans="2:15" s="34" customFormat="1">
      <c r="B557" s="72"/>
      <c r="C557" s="144"/>
      <c r="D557" s="144"/>
      <c r="E557" s="31"/>
      <c r="F557" s="31"/>
      <c r="G557" s="164"/>
      <c r="H557" s="164"/>
      <c r="I557" s="164"/>
      <c r="J557" s="164"/>
      <c r="K557" s="164"/>
      <c r="L557" s="164"/>
      <c r="M557" s="181"/>
      <c r="N557" s="181"/>
      <c r="O557" s="181"/>
    </row>
    <row r="558" spans="2:15" s="34" customFormat="1">
      <c r="B558" s="72"/>
      <c r="C558" s="144"/>
      <c r="D558" s="144"/>
      <c r="E558" s="31"/>
      <c r="F558" s="31"/>
      <c r="G558" s="164"/>
      <c r="H558" s="164"/>
      <c r="I558" s="164"/>
      <c r="J558" s="164"/>
      <c r="K558" s="164"/>
      <c r="L558" s="164"/>
      <c r="M558" s="181"/>
      <c r="N558" s="181"/>
      <c r="O558" s="181"/>
    </row>
    <row r="559" spans="2:15" s="34" customFormat="1">
      <c r="B559" s="72"/>
      <c r="C559" s="144"/>
      <c r="D559" s="144"/>
      <c r="E559" s="31"/>
      <c r="F559" s="31"/>
      <c r="G559" s="164"/>
      <c r="H559" s="164"/>
      <c r="I559" s="164"/>
      <c r="J559" s="164"/>
      <c r="K559" s="164"/>
      <c r="L559" s="164"/>
      <c r="M559" s="181"/>
      <c r="N559" s="181"/>
      <c r="O559" s="181"/>
    </row>
    <row r="560" spans="2:15" s="34" customFormat="1">
      <c r="B560" s="72"/>
      <c r="C560" s="144"/>
      <c r="D560" s="144"/>
      <c r="E560" s="31"/>
      <c r="F560" s="31"/>
      <c r="G560" s="164"/>
      <c r="H560" s="164"/>
      <c r="I560" s="164"/>
      <c r="J560" s="164"/>
      <c r="K560" s="164"/>
      <c r="L560" s="164"/>
      <c r="M560" s="181"/>
      <c r="N560" s="181"/>
      <c r="O560" s="181"/>
    </row>
    <row r="561" spans="2:15" s="34" customFormat="1">
      <c r="B561" s="72"/>
      <c r="C561" s="144"/>
      <c r="D561" s="144"/>
      <c r="E561" s="31"/>
      <c r="F561" s="31"/>
      <c r="G561" s="164"/>
      <c r="H561" s="164"/>
      <c r="I561" s="164"/>
      <c r="J561" s="164"/>
      <c r="K561" s="164"/>
      <c r="L561" s="164"/>
      <c r="M561" s="181"/>
      <c r="N561" s="181"/>
      <c r="O561" s="181"/>
    </row>
    <row r="562" spans="2:15" s="34" customFormat="1">
      <c r="B562" s="72"/>
      <c r="C562" s="144"/>
      <c r="D562" s="144"/>
      <c r="E562" s="31"/>
      <c r="F562" s="31"/>
      <c r="G562" s="164"/>
      <c r="H562" s="164"/>
      <c r="I562" s="164"/>
      <c r="J562" s="164"/>
      <c r="K562" s="164"/>
      <c r="L562" s="164"/>
      <c r="M562" s="181"/>
      <c r="N562" s="181"/>
      <c r="O562" s="181"/>
    </row>
    <row r="563" spans="2:15" s="34" customFormat="1">
      <c r="B563" s="72"/>
      <c r="C563" s="144"/>
      <c r="D563" s="144"/>
      <c r="E563" s="31"/>
      <c r="F563" s="31"/>
      <c r="G563" s="164"/>
      <c r="H563" s="164"/>
      <c r="I563" s="164"/>
      <c r="J563" s="164"/>
      <c r="K563" s="164"/>
      <c r="L563" s="164"/>
      <c r="M563" s="181"/>
      <c r="N563" s="181"/>
      <c r="O563" s="181"/>
    </row>
    <row r="564" spans="2:15" s="34" customFormat="1">
      <c r="B564" s="72"/>
      <c r="C564" s="144"/>
      <c r="D564" s="144"/>
      <c r="E564" s="31"/>
      <c r="F564" s="31"/>
      <c r="G564" s="164"/>
      <c r="H564" s="164"/>
      <c r="I564" s="164"/>
      <c r="J564" s="164"/>
      <c r="K564" s="164"/>
      <c r="L564" s="164"/>
      <c r="M564" s="181"/>
      <c r="N564" s="181"/>
      <c r="O564" s="181"/>
    </row>
    <row r="565" spans="2:15" s="34" customFormat="1">
      <c r="B565" s="72"/>
      <c r="C565" s="144"/>
      <c r="D565" s="144"/>
      <c r="E565" s="31"/>
      <c r="F565" s="31"/>
      <c r="G565" s="164"/>
      <c r="H565" s="164"/>
      <c r="I565" s="164"/>
      <c r="J565" s="164"/>
      <c r="K565" s="164"/>
      <c r="L565" s="164"/>
      <c r="M565" s="181"/>
      <c r="N565" s="181"/>
      <c r="O565" s="181"/>
    </row>
    <row r="566" spans="2:15" s="34" customFormat="1">
      <c r="B566" s="72"/>
      <c r="C566" s="144"/>
      <c r="D566" s="144"/>
      <c r="E566" s="31"/>
      <c r="F566" s="31"/>
      <c r="G566" s="164"/>
      <c r="H566" s="164"/>
      <c r="I566" s="164"/>
      <c r="J566" s="164"/>
      <c r="K566" s="164"/>
      <c r="L566" s="164"/>
      <c r="M566" s="181"/>
      <c r="N566" s="181"/>
      <c r="O566" s="181"/>
    </row>
    <row r="567" spans="2:15" s="34" customFormat="1">
      <c r="B567" s="72"/>
      <c r="C567" s="144"/>
      <c r="D567" s="144"/>
      <c r="E567" s="31"/>
      <c r="F567" s="31"/>
      <c r="G567" s="164"/>
      <c r="H567" s="164"/>
      <c r="I567" s="164"/>
      <c r="J567" s="164"/>
      <c r="K567" s="164"/>
      <c r="L567" s="164"/>
      <c r="M567" s="181"/>
      <c r="N567" s="181"/>
      <c r="O567" s="181"/>
    </row>
    <row r="568" spans="2:15" s="34" customFormat="1">
      <c r="B568" s="72"/>
      <c r="C568" s="144"/>
      <c r="D568" s="144"/>
      <c r="E568" s="31"/>
      <c r="F568" s="31"/>
      <c r="G568" s="164"/>
      <c r="H568" s="164"/>
      <c r="I568" s="164"/>
      <c r="J568" s="164"/>
      <c r="K568" s="164"/>
      <c r="L568" s="164"/>
      <c r="M568" s="181"/>
      <c r="N568" s="181"/>
      <c r="O568" s="181"/>
    </row>
    <row r="569" spans="2:15" s="34" customFormat="1">
      <c r="B569" s="72"/>
      <c r="C569" s="144"/>
      <c r="D569" s="144"/>
      <c r="E569" s="31"/>
      <c r="F569" s="31"/>
      <c r="G569" s="164"/>
      <c r="H569" s="164"/>
      <c r="I569" s="164"/>
      <c r="J569" s="164"/>
      <c r="K569" s="164"/>
      <c r="L569" s="164"/>
      <c r="M569" s="181"/>
      <c r="N569" s="181"/>
      <c r="O569" s="181"/>
    </row>
    <row r="570" spans="2:15" s="34" customFormat="1">
      <c r="B570" s="72"/>
      <c r="C570" s="144"/>
      <c r="D570" s="144"/>
      <c r="E570" s="31"/>
      <c r="F570" s="31"/>
      <c r="G570" s="164"/>
      <c r="H570" s="164"/>
      <c r="I570" s="164"/>
      <c r="J570" s="164"/>
      <c r="K570" s="164"/>
      <c r="L570" s="164"/>
      <c r="M570" s="181"/>
      <c r="N570" s="181"/>
      <c r="O570" s="181"/>
    </row>
    <row r="571" spans="2:15" s="34" customFormat="1">
      <c r="B571" s="72"/>
      <c r="C571" s="144"/>
      <c r="D571" s="144"/>
      <c r="E571" s="31"/>
      <c r="F571" s="31"/>
      <c r="G571" s="164"/>
      <c r="H571" s="164"/>
      <c r="I571" s="164"/>
      <c r="J571" s="164"/>
      <c r="K571" s="164"/>
      <c r="L571" s="164"/>
      <c r="M571" s="181"/>
      <c r="N571" s="181"/>
      <c r="O571" s="181"/>
    </row>
    <row r="572" spans="2:15" s="34" customFormat="1">
      <c r="B572" s="72"/>
      <c r="C572" s="144"/>
      <c r="D572" s="144"/>
      <c r="E572" s="31"/>
      <c r="F572" s="31"/>
      <c r="G572" s="164"/>
      <c r="H572" s="164"/>
      <c r="I572" s="164"/>
      <c r="J572" s="164"/>
      <c r="K572" s="164"/>
      <c r="L572" s="164"/>
      <c r="M572" s="181"/>
      <c r="N572" s="181"/>
      <c r="O572" s="181"/>
    </row>
    <row r="573" spans="2:15" s="34" customFormat="1">
      <c r="B573" s="72"/>
      <c r="C573" s="144"/>
      <c r="D573" s="144"/>
      <c r="E573" s="31"/>
      <c r="F573" s="31"/>
      <c r="G573" s="164"/>
      <c r="H573" s="164"/>
      <c r="I573" s="164"/>
      <c r="J573" s="164"/>
      <c r="K573" s="164"/>
      <c r="L573" s="164"/>
      <c r="M573" s="181"/>
      <c r="N573" s="181"/>
      <c r="O573" s="181"/>
    </row>
    <row r="574" spans="2:15" s="34" customFormat="1">
      <c r="B574" s="72"/>
      <c r="C574" s="144"/>
      <c r="D574" s="144"/>
      <c r="E574" s="31"/>
      <c r="F574" s="31"/>
      <c r="G574" s="164"/>
      <c r="H574" s="164"/>
      <c r="I574" s="164"/>
      <c r="J574" s="164"/>
      <c r="K574" s="164"/>
      <c r="L574" s="164"/>
      <c r="M574" s="181"/>
      <c r="N574" s="181"/>
      <c r="O574" s="181"/>
    </row>
    <row r="575" spans="2:15" s="34" customFormat="1">
      <c r="B575" s="72"/>
      <c r="C575" s="144"/>
      <c r="D575" s="144"/>
      <c r="E575" s="31"/>
      <c r="F575" s="31"/>
      <c r="G575" s="164"/>
      <c r="H575" s="164"/>
      <c r="I575" s="164"/>
      <c r="J575" s="164"/>
      <c r="K575" s="164"/>
      <c r="L575" s="164"/>
      <c r="M575" s="181"/>
      <c r="N575" s="181"/>
      <c r="O575" s="181"/>
    </row>
    <row r="576" spans="2:15" s="34" customFormat="1">
      <c r="B576" s="72"/>
      <c r="C576" s="144"/>
      <c r="D576" s="144"/>
      <c r="E576" s="31"/>
      <c r="F576" s="31"/>
      <c r="G576" s="164"/>
      <c r="H576" s="164"/>
      <c r="I576" s="164"/>
      <c r="J576" s="164"/>
      <c r="K576" s="164"/>
      <c r="L576" s="164"/>
      <c r="M576" s="181"/>
      <c r="N576" s="181"/>
      <c r="O576" s="181"/>
    </row>
    <row r="577" spans="2:15" s="34" customFormat="1">
      <c r="B577" s="72"/>
      <c r="C577" s="144"/>
      <c r="D577" s="144"/>
      <c r="E577" s="31"/>
      <c r="F577" s="31"/>
      <c r="G577" s="164"/>
      <c r="H577" s="164"/>
      <c r="I577" s="164"/>
      <c r="J577" s="164"/>
      <c r="K577" s="164"/>
      <c r="L577" s="164"/>
      <c r="M577" s="181"/>
      <c r="N577" s="181"/>
      <c r="O577" s="181"/>
    </row>
    <row r="578" spans="2:15" s="34" customFormat="1">
      <c r="B578" s="72"/>
      <c r="C578" s="144"/>
      <c r="D578" s="144"/>
      <c r="E578" s="31"/>
      <c r="F578" s="31"/>
      <c r="G578" s="164"/>
      <c r="H578" s="164"/>
      <c r="I578" s="164"/>
      <c r="J578" s="164"/>
      <c r="K578" s="164"/>
      <c r="L578" s="164"/>
      <c r="M578" s="181"/>
      <c r="N578" s="181"/>
      <c r="O578" s="181"/>
    </row>
    <row r="579" spans="2:15" s="34" customFormat="1">
      <c r="B579" s="72"/>
      <c r="C579" s="144"/>
      <c r="D579" s="144"/>
      <c r="E579" s="31"/>
      <c r="F579" s="31"/>
      <c r="G579" s="164"/>
      <c r="H579" s="164"/>
      <c r="I579" s="164"/>
      <c r="J579" s="164"/>
      <c r="K579" s="164"/>
      <c r="L579" s="164"/>
      <c r="M579" s="181"/>
      <c r="N579" s="181"/>
      <c r="O579" s="181"/>
    </row>
    <row r="580" spans="2:15" s="34" customFormat="1">
      <c r="B580" s="72"/>
      <c r="C580" s="144"/>
      <c r="D580" s="144"/>
      <c r="E580" s="31"/>
      <c r="F580" s="31"/>
      <c r="G580" s="164"/>
      <c r="H580" s="164"/>
      <c r="I580" s="164"/>
      <c r="J580" s="164"/>
      <c r="K580" s="164"/>
      <c r="L580" s="164"/>
      <c r="M580" s="181"/>
      <c r="N580" s="181"/>
      <c r="O580" s="181"/>
    </row>
    <row r="581" spans="2:15" s="34" customFormat="1">
      <c r="B581" s="72"/>
      <c r="C581" s="144"/>
      <c r="D581" s="144"/>
      <c r="E581" s="31"/>
      <c r="F581" s="31"/>
      <c r="G581" s="164"/>
      <c r="H581" s="164"/>
      <c r="I581" s="164"/>
      <c r="J581" s="164"/>
      <c r="K581" s="164"/>
      <c r="L581" s="164"/>
      <c r="M581" s="181"/>
      <c r="N581" s="181"/>
      <c r="O581" s="181"/>
    </row>
    <row r="582" spans="2:15" s="34" customFormat="1">
      <c r="B582" s="72"/>
      <c r="C582" s="144"/>
      <c r="D582" s="144"/>
      <c r="E582" s="31"/>
      <c r="F582" s="31"/>
      <c r="G582" s="164"/>
      <c r="H582" s="164"/>
      <c r="I582" s="164"/>
      <c r="J582" s="164"/>
      <c r="K582" s="164"/>
      <c r="L582" s="164"/>
      <c r="M582" s="181"/>
      <c r="N582" s="181"/>
      <c r="O582" s="181"/>
    </row>
    <row r="583" spans="2:15" s="34" customFormat="1">
      <c r="B583" s="72"/>
      <c r="C583" s="144"/>
      <c r="D583" s="144"/>
      <c r="E583" s="31"/>
      <c r="F583" s="31"/>
      <c r="G583" s="164"/>
      <c r="H583" s="164"/>
      <c r="I583" s="164"/>
      <c r="J583" s="164"/>
      <c r="K583" s="164"/>
      <c r="L583" s="164"/>
      <c r="M583" s="181"/>
      <c r="N583" s="181"/>
      <c r="O583" s="181"/>
    </row>
    <row r="584" spans="2:15" s="34" customFormat="1">
      <c r="B584" s="72"/>
      <c r="C584" s="144"/>
      <c r="D584" s="144"/>
      <c r="E584" s="31"/>
      <c r="F584" s="31"/>
      <c r="G584" s="164"/>
      <c r="H584" s="164"/>
      <c r="I584" s="164"/>
      <c r="J584" s="164"/>
      <c r="K584" s="164"/>
      <c r="L584" s="164"/>
      <c r="M584" s="181"/>
      <c r="N584" s="181"/>
      <c r="O584" s="181"/>
    </row>
    <row r="585" spans="2:15" s="34" customFormat="1">
      <c r="B585" s="72"/>
      <c r="C585" s="144"/>
      <c r="D585" s="144"/>
      <c r="E585" s="31"/>
      <c r="F585" s="31"/>
      <c r="G585" s="164"/>
      <c r="H585" s="164"/>
      <c r="I585" s="164"/>
      <c r="J585" s="164"/>
      <c r="K585" s="164"/>
      <c r="L585" s="164"/>
      <c r="M585" s="181"/>
      <c r="N585" s="181"/>
      <c r="O585" s="181"/>
    </row>
    <row r="586" spans="2:15" s="34" customFormat="1">
      <c r="B586" s="72"/>
      <c r="C586" s="144"/>
      <c r="D586" s="144"/>
      <c r="E586" s="31"/>
      <c r="F586" s="31"/>
      <c r="G586" s="164"/>
      <c r="H586" s="164"/>
      <c r="I586" s="164"/>
      <c r="J586" s="164"/>
      <c r="K586" s="164"/>
      <c r="L586" s="164"/>
      <c r="M586" s="181"/>
      <c r="N586" s="181"/>
      <c r="O586" s="181"/>
    </row>
    <row r="587" spans="2:15" s="34" customFormat="1">
      <c r="B587" s="72"/>
      <c r="C587" s="144"/>
      <c r="D587" s="144"/>
      <c r="E587" s="31"/>
      <c r="F587" s="31"/>
      <c r="G587" s="164"/>
      <c r="H587" s="164"/>
      <c r="I587" s="164"/>
      <c r="J587" s="164"/>
      <c r="K587" s="164"/>
      <c r="L587" s="164"/>
      <c r="M587" s="181"/>
      <c r="N587" s="181"/>
      <c r="O587" s="181"/>
    </row>
    <row r="588" spans="2:15" s="34" customFormat="1">
      <c r="B588" s="72"/>
      <c r="C588" s="144"/>
      <c r="D588" s="144"/>
      <c r="E588" s="31"/>
      <c r="F588" s="31"/>
      <c r="G588" s="164"/>
      <c r="H588" s="164"/>
      <c r="I588" s="164"/>
      <c r="J588" s="164"/>
      <c r="K588" s="164"/>
      <c r="L588" s="164"/>
      <c r="M588" s="181"/>
      <c r="N588" s="181"/>
      <c r="O588" s="181"/>
    </row>
    <row r="589" spans="2:15" s="34" customFormat="1">
      <c r="B589" s="72"/>
      <c r="C589" s="144"/>
      <c r="D589" s="144"/>
      <c r="E589" s="31"/>
      <c r="F589" s="31"/>
      <c r="G589" s="164"/>
      <c r="H589" s="164"/>
      <c r="I589" s="164"/>
      <c r="J589" s="164"/>
      <c r="K589" s="164"/>
      <c r="L589" s="164"/>
      <c r="M589" s="181"/>
      <c r="N589" s="181"/>
      <c r="O589" s="181"/>
    </row>
    <row r="590" spans="2:15" s="34" customFormat="1">
      <c r="B590" s="72"/>
      <c r="C590" s="144"/>
      <c r="D590" s="144"/>
      <c r="E590" s="31"/>
      <c r="F590" s="31"/>
      <c r="G590" s="164"/>
      <c r="H590" s="164"/>
      <c r="I590" s="164"/>
      <c r="J590" s="164"/>
      <c r="K590" s="164"/>
      <c r="L590" s="164"/>
      <c r="M590" s="181"/>
      <c r="N590" s="181"/>
      <c r="O590" s="181"/>
    </row>
    <row r="591" spans="2:15" s="34" customFormat="1">
      <c r="B591" s="72"/>
      <c r="C591" s="144"/>
      <c r="D591" s="144"/>
      <c r="E591" s="31"/>
      <c r="F591" s="31"/>
      <c r="G591" s="164"/>
      <c r="H591" s="164"/>
      <c r="I591" s="164"/>
      <c r="J591" s="164"/>
      <c r="K591" s="164"/>
      <c r="L591" s="164"/>
      <c r="M591" s="181"/>
      <c r="N591" s="181"/>
      <c r="O591" s="181"/>
    </row>
    <row r="592" spans="2:15" s="34" customFormat="1">
      <c r="B592" s="72"/>
      <c r="C592" s="144"/>
      <c r="D592" s="144"/>
      <c r="E592" s="31"/>
      <c r="F592" s="31"/>
      <c r="G592" s="164"/>
      <c r="H592" s="164"/>
      <c r="I592" s="164"/>
      <c r="J592" s="164"/>
      <c r="K592" s="164"/>
      <c r="L592" s="164"/>
      <c r="M592" s="181"/>
      <c r="N592" s="181"/>
      <c r="O592" s="181"/>
    </row>
    <row r="593" spans="2:15" s="34" customFormat="1">
      <c r="B593" s="72"/>
      <c r="C593" s="144"/>
      <c r="D593" s="144"/>
      <c r="E593" s="31"/>
      <c r="F593" s="31"/>
      <c r="G593" s="164"/>
      <c r="H593" s="164"/>
      <c r="I593" s="164"/>
      <c r="J593" s="164"/>
      <c r="K593" s="164"/>
      <c r="L593" s="164"/>
      <c r="M593" s="181"/>
      <c r="N593" s="181"/>
      <c r="O593" s="181"/>
    </row>
    <row r="594" spans="2:15" s="34" customFormat="1">
      <c r="B594" s="72"/>
      <c r="C594" s="144"/>
      <c r="D594" s="144"/>
      <c r="E594" s="31"/>
      <c r="F594" s="31"/>
      <c r="G594" s="164"/>
      <c r="H594" s="164"/>
      <c r="I594" s="164"/>
      <c r="J594" s="164"/>
      <c r="K594" s="164"/>
      <c r="L594" s="164"/>
      <c r="M594" s="181"/>
      <c r="N594" s="181"/>
      <c r="O594" s="181"/>
    </row>
    <row r="595" spans="2:15" s="34" customFormat="1">
      <c r="B595" s="72"/>
      <c r="C595" s="144"/>
      <c r="D595" s="144"/>
      <c r="E595" s="31"/>
      <c r="F595" s="31"/>
      <c r="G595" s="164"/>
      <c r="H595" s="164"/>
      <c r="I595" s="164"/>
      <c r="J595" s="164"/>
      <c r="K595" s="164"/>
      <c r="L595" s="164"/>
      <c r="M595" s="181"/>
      <c r="N595" s="181"/>
      <c r="O595" s="181"/>
    </row>
    <row r="596" spans="2:15" s="34" customFormat="1">
      <c r="B596" s="72"/>
      <c r="C596" s="144"/>
      <c r="D596" s="144"/>
      <c r="E596" s="31"/>
      <c r="F596" s="31"/>
      <c r="G596" s="164"/>
      <c r="H596" s="164"/>
      <c r="I596" s="164"/>
      <c r="J596" s="164"/>
      <c r="K596" s="164"/>
      <c r="L596" s="164"/>
      <c r="M596" s="181"/>
      <c r="N596" s="181"/>
      <c r="O596" s="181"/>
    </row>
    <row r="597" spans="2:15" s="34" customFormat="1">
      <c r="B597" s="72"/>
      <c r="C597" s="144"/>
      <c r="D597" s="144"/>
      <c r="E597" s="31"/>
      <c r="F597" s="31"/>
      <c r="G597" s="164"/>
      <c r="H597" s="164"/>
      <c r="I597" s="164"/>
      <c r="J597" s="164"/>
      <c r="K597" s="164"/>
      <c r="L597" s="164"/>
      <c r="M597" s="181"/>
      <c r="N597" s="181"/>
      <c r="O597" s="181"/>
    </row>
    <row r="598" spans="2:15" s="34" customFormat="1">
      <c r="B598" s="72"/>
      <c r="C598" s="144"/>
      <c r="D598" s="144"/>
      <c r="E598" s="31"/>
      <c r="F598" s="31"/>
      <c r="G598" s="164"/>
      <c r="H598" s="164"/>
      <c r="I598" s="164"/>
      <c r="J598" s="164"/>
      <c r="K598" s="164"/>
      <c r="L598" s="164"/>
      <c r="M598" s="181"/>
      <c r="N598" s="181"/>
      <c r="O598" s="181"/>
    </row>
    <row r="599" spans="2:15" s="34" customFormat="1">
      <c r="B599" s="72"/>
      <c r="C599" s="144"/>
      <c r="D599" s="144"/>
      <c r="E599" s="31"/>
      <c r="F599" s="31"/>
      <c r="G599" s="164"/>
      <c r="H599" s="164"/>
      <c r="I599" s="164"/>
      <c r="J599" s="164"/>
      <c r="K599" s="164"/>
      <c r="L599" s="164"/>
      <c r="M599" s="181"/>
      <c r="N599" s="181"/>
      <c r="O599" s="181"/>
    </row>
    <row r="600" spans="2:15" s="34" customFormat="1">
      <c r="B600" s="72"/>
      <c r="C600" s="144"/>
      <c r="D600" s="144"/>
      <c r="E600" s="31"/>
      <c r="F600" s="31"/>
      <c r="G600" s="164"/>
      <c r="H600" s="164"/>
      <c r="I600" s="164"/>
      <c r="J600" s="164"/>
      <c r="K600" s="164"/>
      <c r="L600" s="164"/>
      <c r="M600" s="181"/>
      <c r="N600" s="181"/>
      <c r="O600" s="181"/>
    </row>
    <row r="601" spans="2:15" s="34" customFormat="1">
      <c r="B601" s="72"/>
      <c r="C601" s="144"/>
      <c r="D601" s="144"/>
      <c r="E601" s="31"/>
      <c r="F601" s="31"/>
      <c r="G601" s="164"/>
      <c r="H601" s="164"/>
      <c r="I601" s="164"/>
      <c r="J601" s="164"/>
      <c r="K601" s="164"/>
      <c r="L601" s="164"/>
      <c r="M601" s="181"/>
      <c r="N601" s="181"/>
      <c r="O601" s="181"/>
    </row>
    <row r="602" spans="2:15" s="34" customFormat="1">
      <c r="B602" s="72"/>
      <c r="C602" s="144"/>
      <c r="D602" s="144"/>
      <c r="E602" s="31"/>
      <c r="F602" s="31"/>
      <c r="G602" s="164"/>
      <c r="H602" s="164"/>
      <c r="I602" s="164"/>
      <c r="J602" s="164"/>
      <c r="K602" s="164"/>
      <c r="L602" s="164"/>
      <c r="M602" s="181"/>
      <c r="N602" s="181"/>
      <c r="O602" s="181"/>
    </row>
    <row r="603" spans="2:15" s="34" customFormat="1">
      <c r="B603" s="72"/>
      <c r="C603" s="144"/>
      <c r="D603" s="144"/>
      <c r="E603" s="31"/>
      <c r="F603" s="31"/>
      <c r="G603" s="164"/>
      <c r="H603" s="164"/>
      <c r="I603" s="164"/>
      <c r="J603" s="164"/>
      <c r="K603" s="164"/>
      <c r="L603" s="164"/>
      <c r="M603" s="181"/>
      <c r="N603" s="181"/>
      <c r="O603" s="181"/>
    </row>
    <row r="604" spans="2:15" s="34" customFormat="1">
      <c r="B604" s="72"/>
      <c r="C604" s="144"/>
      <c r="D604" s="144"/>
      <c r="E604" s="31"/>
      <c r="F604" s="31"/>
      <c r="G604" s="164"/>
      <c r="H604" s="164"/>
      <c r="I604" s="164"/>
      <c r="J604" s="164"/>
      <c r="K604" s="164"/>
      <c r="L604" s="164"/>
      <c r="M604" s="181"/>
      <c r="N604" s="181"/>
      <c r="O604" s="181"/>
    </row>
    <row r="605" spans="2:15" s="34" customFormat="1">
      <c r="B605" s="72"/>
      <c r="C605" s="144"/>
      <c r="D605" s="144"/>
      <c r="E605" s="31"/>
      <c r="F605" s="31"/>
      <c r="G605" s="164"/>
      <c r="H605" s="164"/>
      <c r="I605" s="164"/>
      <c r="J605" s="164"/>
      <c r="K605" s="164"/>
      <c r="L605" s="164"/>
      <c r="M605" s="181"/>
      <c r="N605" s="181"/>
      <c r="O605" s="181"/>
    </row>
    <row r="606" spans="2:15" s="34" customFormat="1">
      <c r="B606" s="72"/>
      <c r="C606" s="144"/>
      <c r="D606" s="144"/>
      <c r="E606" s="31"/>
      <c r="F606" s="31"/>
      <c r="G606" s="164"/>
      <c r="H606" s="164"/>
      <c r="I606" s="164"/>
      <c r="J606" s="164"/>
      <c r="K606" s="164"/>
      <c r="L606" s="164"/>
      <c r="M606" s="181"/>
      <c r="N606" s="181"/>
      <c r="O606" s="181"/>
    </row>
    <row r="607" spans="2:15" s="34" customFormat="1">
      <c r="B607" s="72"/>
      <c r="C607" s="144"/>
      <c r="D607" s="144"/>
      <c r="E607" s="31"/>
      <c r="F607" s="31"/>
      <c r="G607" s="164"/>
      <c r="H607" s="164"/>
      <c r="I607" s="164"/>
      <c r="J607" s="164"/>
      <c r="K607" s="164"/>
      <c r="L607" s="164"/>
      <c r="M607" s="181"/>
      <c r="N607" s="181"/>
      <c r="O607" s="181"/>
    </row>
    <row r="608" spans="2:15" s="34" customFormat="1">
      <c r="B608" s="72"/>
      <c r="C608" s="144"/>
      <c r="D608" s="144"/>
      <c r="E608" s="31"/>
      <c r="F608" s="31"/>
      <c r="G608" s="164"/>
      <c r="H608" s="164"/>
      <c r="I608" s="164"/>
      <c r="J608" s="164"/>
      <c r="K608" s="164"/>
      <c r="L608" s="164"/>
      <c r="M608" s="181"/>
      <c r="N608" s="181"/>
      <c r="O608" s="181"/>
    </row>
    <row r="609" spans="2:15" s="34" customFormat="1">
      <c r="B609" s="72"/>
      <c r="C609" s="144"/>
      <c r="D609" s="144"/>
      <c r="E609" s="31"/>
      <c r="F609" s="31"/>
      <c r="G609" s="164"/>
      <c r="H609" s="164"/>
      <c r="I609" s="164"/>
      <c r="J609" s="164"/>
      <c r="K609" s="164"/>
      <c r="L609" s="164"/>
      <c r="M609" s="181"/>
      <c r="N609" s="181"/>
      <c r="O609" s="181"/>
    </row>
    <row r="610" spans="2:15" s="34" customFormat="1">
      <c r="B610" s="72"/>
      <c r="C610" s="144"/>
      <c r="D610" s="144"/>
      <c r="E610" s="31"/>
      <c r="F610" s="31"/>
      <c r="G610" s="164"/>
      <c r="H610" s="164"/>
      <c r="I610" s="164"/>
      <c r="J610" s="164"/>
      <c r="K610" s="164"/>
      <c r="L610" s="164"/>
      <c r="M610" s="181"/>
      <c r="N610" s="181"/>
      <c r="O610" s="181"/>
    </row>
    <row r="611" spans="2:15" s="34" customFormat="1">
      <c r="B611" s="72"/>
      <c r="C611" s="144"/>
      <c r="D611" s="144"/>
      <c r="E611" s="31"/>
      <c r="F611" s="31"/>
      <c r="G611" s="164"/>
      <c r="H611" s="164"/>
      <c r="I611" s="164"/>
      <c r="J611" s="164"/>
      <c r="K611" s="164"/>
      <c r="L611" s="164"/>
      <c r="M611" s="181"/>
      <c r="N611" s="181"/>
      <c r="O611" s="181"/>
    </row>
    <row r="612" spans="2:15" s="34" customFormat="1">
      <c r="B612" s="72"/>
      <c r="C612" s="144"/>
      <c r="D612" s="144"/>
      <c r="E612" s="31"/>
      <c r="F612" s="31"/>
      <c r="G612" s="164"/>
      <c r="H612" s="164"/>
      <c r="I612" s="164"/>
      <c r="J612" s="164"/>
      <c r="K612" s="164"/>
      <c r="L612" s="164"/>
      <c r="M612" s="181"/>
      <c r="N612" s="181"/>
      <c r="O612" s="181"/>
    </row>
    <row r="613" spans="2:15" s="34" customFormat="1">
      <c r="B613" s="72"/>
      <c r="C613" s="144"/>
      <c r="D613" s="144"/>
      <c r="E613" s="31"/>
      <c r="F613" s="31"/>
      <c r="G613" s="164"/>
      <c r="H613" s="164"/>
      <c r="I613" s="164"/>
      <c r="J613" s="164"/>
      <c r="K613" s="164"/>
      <c r="L613" s="164"/>
      <c r="M613" s="181"/>
      <c r="N613" s="181"/>
      <c r="O613" s="181"/>
    </row>
    <row r="614" spans="2:15" s="34" customFormat="1">
      <c r="B614" s="72"/>
      <c r="C614" s="144"/>
      <c r="D614" s="144"/>
      <c r="E614" s="31"/>
      <c r="F614" s="31"/>
      <c r="G614" s="164"/>
      <c r="H614" s="164"/>
      <c r="I614" s="164"/>
      <c r="J614" s="164"/>
      <c r="K614" s="164"/>
      <c r="L614" s="164"/>
      <c r="M614" s="181"/>
      <c r="N614" s="181"/>
      <c r="O614" s="181"/>
    </row>
    <row r="615" spans="2:15" s="34" customFormat="1">
      <c r="B615" s="72"/>
      <c r="C615" s="144"/>
      <c r="D615" s="144"/>
      <c r="E615" s="31"/>
      <c r="F615" s="31"/>
      <c r="G615" s="164"/>
      <c r="H615" s="164"/>
      <c r="I615" s="164"/>
      <c r="J615" s="164"/>
      <c r="K615" s="164"/>
      <c r="L615" s="164"/>
      <c r="M615" s="181"/>
      <c r="N615" s="181"/>
      <c r="O615" s="181"/>
    </row>
    <row r="616" spans="2:15" s="34" customFormat="1">
      <c r="B616" s="72"/>
      <c r="C616" s="144"/>
      <c r="D616" s="144"/>
      <c r="E616" s="31"/>
      <c r="F616" s="31"/>
      <c r="G616" s="164"/>
      <c r="H616" s="164"/>
      <c r="I616" s="164"/>
      <c r="J616" s="164"/>
      <c r="K616" s="164"/>
      <c r="L616" s="164"/>
      <c r="M616" s="181"/>
      <c r="N616" s="181"/>
      <c r="O616" s="181"/>
    </row>
    <row r="617" spans="2:15" s="34" customFormat="1">
      <c r="B617" s="72"/>
      <c r="C617" s="144"/>
      <c r="D617" s="144"/>
      <c r="E617" s="31"/>
      <c r="F617" s="31"/>
      <c r="G617" s="164"/>
      <c r="H617" s="164"/>
      <c r="I617" s="164"/>
      <c r="J617" s="164"/>
      <c r="K617" s="164"/>
      <c r="L617" s="164"/>
      <c r="M617" s="181"/>
      <c r="N617" s="181"/>
      <c r="O617" s="181"/>
    </row>
    <row r="618" spans="2:15" s="34" customFormat="1">
      <c r="B618" s="72"/>
      <c r="C618" s="144"/>
      <c r="D618" s="144"/>
      <c r="E618" s="31"/>
      <c r="F618" s="31"/>
      <c r="G618" s="164"/>
      <c r="H618" s="164"/>
      <c r="I618" s="164"/>
      <c r="J618" s="164"/>
      <c r="K618" s="164"/>
      <c r="L618" s="164"/>
      <c r="M618" s="181"/>
      <c r="N618" s="181"/>
      <c r="O618" s="181"/>
    </row>
    <row r="619" spans="2:15" s="34" customFormat="1">
      <c r="B619" s="72"/>
      <c r="C619" s="144"/>
      <c r="D619" s="144"/>
      <c r="E619" s="31"/>
      <c r="F619" s="31"/>
      <c r="G619" s="164"/>
      <c r="H619" s="164"/>
      <c r="I619" s="164"/>
      <c r="J619" s="164"/>
      <c r="K619" s="164"/>
      <c r="L619" s="164"/>
      <c r="M619" s="181"/>
      <c r="N619" s="181"/>
      <c r="O619" s="181"/>
    </row>
    <row r="620" spans="2:15" s="34" customFormat="1">
      <c r="B620" s="72"/>
      <c r="C620" s="144"/>
      <c r="D620" s="144"/>
      <c r="E620" s="31"/>
      <c r="F620" s="31"/>
      <c r="G620" s="164"/>
      <c r="H620" s="164"/>
      <c r="I620" s="164"/>
      <c r="J620" s="164"/>
      <c r="K620" s="164"/>
      <c r="L620" s="164"/>
      <c r="M620" s="181"/>
      <c r="N620" s="181"/>
      <c r="O620" s="181"/>
    </row>
    <row r="621" spans="2:15" s="34" customFormat="1">
      <c r="B621" s="72"/>
      <c r="C621" s="144"/>
      <c r="D621" s="144"/>
      <c r="E621" s="31"/>
      <c r="F621" s="31"/>
      <c r="G621" s="164"/>
      <c r="H621" s="164"/>
      <c r="I621" s="164"/>
      <c r="J621" s="164"/>
      <c r="K621" s="164"/>
      <c r="L621" s="164"/>
      <c r="M621" s="181"/>
      <c r="N621" s="181"/>
      <c r="O621" s="181"/>
    </row>
    <row r="622" spans="2:15" s="34" customFormat="1">
      <c r="B622" s="72"/>
      <c r="C622" s="144"/>
      <c r="D622" s="144"/>
      <c r="E622" s="31"/>
      <c r="F622" s="31"/>
      <c r="G622" s="164"/>
      <c r="H622" s="164"/>
      <c r="I622" s="164"/>
      <c r="J622" s="164"/>
      <c r="K622" s="164"/>
      <c r="L622" s="164"/>
      <c r="M622" s="181"/>
      <c r="N622" s="181"/>
      <c r="O622" s="181"/>
    </row>
    <row r="623" spans="2:15" s="34" customFormat="1">
      <c r="B623" s="72"/>
      <c r="C623" s="144"/>
      <c r="D623" s="144"/>
      <c r="E623" s="31"/>
      <c r="F623" s="31"/>
      <c r="G623" s="164"/>
      <c r="H623" s="164"/>
      <c r="I623" s="164"/>
      <c r="J623" s="164"/>
      <c r="K623" s="164"/>
      <c r="L623" s="164"/>
      <c r="M623" s="181"/>
      <c r="N623" s="181"/>
      <c r="O623" s="181"/>
    </row>
    <row r="624" spans="2:15" s="34" customFormat="1">
      <c r="B624" s="72"/>
      <c r="C624" s="144"/>
      <c r="D624" s="144"/>
      <c r="E624" s="31"/>
      <c r="F624" s="31"/>
      <c r="G624" s="164"/>
      <c r="H624" s="164"/>
      <c r="I624" s="164"/>
      <c r="J624" s="164"/>
      <c r="K624" s="164"/>
      <c r="L624" s="164"/>
      <c r="M624" s="181"/>
      <c r="N624" s="181"/>
      <c r="O624" s="181"/>
    </row>
    <row r="625" spans="2:15" s="34" customFormat="1">
      <c r="B625" s="72"/>
      <c r="C625" s="144"/>
      <c r="D625" s="144"/>
      <c r="E625" s="31"/>
      <c r="F625" s="31"/>
      <c r="G625" s="164"/>
      <c r="H625" s="164"/>
      <c r="I625" s="164"/>
      <c r="J625" s="164"/>
      <c r="K625" s="164"/>
      <c r="L625" s="164"/>
      <c r="M625" s="181"/>
      <c r="N625" s="181"/>
      <c r="O625" s="181"/>
    </row>
    <row r="626" spans="2:15" s="34" customFormat="1">
      <c r="B626" s="72"/>
      <c r="C626" s="144"/>
      <c r="D626" s="144"/>
      <c r="E626" s="31"/>
      <c r="F626" s="31"/>
      <c r="G626" s="164"/>
      <c r="H626" s="164"/>
      <c r="I626" s="164"/>
      <c r="J626" s="164"/>
      <c r="K626" s="164"/>
      <c r="L626" s="164"/>
      <c r="M626" s="181"/>
      <c r="N626" s="181"/>
      <c r="O626" s="181"/>
    </row>
    <row r="627" spans="2:15" s="34" customFormat="1">
      <c r="B627" s="72"/>
      <c r="C627" s="144"/>
      <c r="D627" s="144"/>
      <c r="E627" s="31"/>
      <c r="F627" s="31"/>
      <c r="G627" s="164"/>
      <c r="H627" s="164"/>
      <c r="I627" s="164"/>
      <c r="J627" s="164"/>
      <c r="K627" s="164"/>
      <c r="L627" s="164"/>
      <c r="M627" s="181"/>
      <c r="N627" s="181"/>
      <c r="O627" s="181"/>
    </row>
    <row r="628" spans="2:15" s="34" customFormat="1">
      <c r="B628" s="72"/>
      <c r="C628" s="144"/>
      <c r="D628" s="144"/>
      <c r="E628" s="31"/>
      <c r="F628" s="31"/>
      <c r="G628" s="164"/>
      <c r="H628" s="164"/>
      <c r="I628" s="164"/>
      <c r="J628" s="164"/>
      <c r="K628" s="164"/>
      <c r="L628" s="164"/>
      <c r="M628" s="181"/>
      <c r="N628" s="181"/>
      <c r="O628" s="181"/>
    </row>
    <row r="629" spans="2:15" s="34" customFormat="1">
      <c r="B629" s="72"/>
      <c r="C629" s="144"/>
      <c r="D629" s="144"/>
      <c r="E629" s="31"/>
      <c r="F629" s="31"/>
      <c r="G629" s="164"/>
      <c r="H629" s="164"/>
      <c r="I629" s="164"/>
      <c r="J629" s="164"/>
      <c r="K629" s="164"/>
      <c r="L629" s="164"/>
      <c r="M629" s="181"/>
      <c r="N629" s="181"/>
      <c r="O629" s="181"/>
    </row>
    <row r="630" spans="2:15" s="34" customFormat="1">
      <c r="B630" s="72"/>
      <c r="C630" s="144"/>
      <c r="D630" s="144"/>
      <c r="E630" s="31"/>
      <c r="F630" s="31"/>
      <c r="G630" s="164"/>
      <c r="H630" s="164"/>
      <c r="I630" s="164"/>
      <c r="J630" s="164"/>
      <c r="K630" s="164"/>
      <c r="L630" s="164"/>
      <c r="M630" s="181"/>
      <c r="N630" s="181"/>
      <c r="O630" s="181"/>
    </row>
    <row r="631" spans="2:15" s="34" customFormat="1">
      <c r="B631" s="72"/>
      <c r="C631" s="144"/>
      <c r="D631" s="144"/>
      <c r="E631" s="31"/>
      <c r="F631" s="31"/>
      <c r="G631" s="164"/>
      <c r="H631" s="164"/>
      <c r="I631" s="164"/>
      <c r="J631" s="164"/>
      <c r="K631" s="164"/>
      <c r="L631" s="164"/>
      <c r="M631" s="181"/>
      <c r="N631" s="181"/>
      <c r="O631" s="181"/>
    </row>
    <row r="632" spans="2:15" s="34" customFormat="1">
      <c r="B632" s="72"/>
      <c r="C632" s="144"/>
      <c r="D632" s="144"/>
      <c r="E632" s="31"/>
      <c r="F632" s="31"/>
      <c r="G632" s="164"/>
      <c r="H632" s="164"/>
      <c r="I632" s="164"/>
      <c r="J632" s="164"/>
      <c r="K632" s="164"/>
      <c r="L632" s="164"/>
      <c r="M632" s="181"/>
      <c r="N632" s="181"/>
      <c r="O632" s="181"/>
    </row>
    <row r="633" spans="2:15" s="34" customFormat="1">
      <c r="B633" s="72"/>
      <c r="C633" s="144"/>
      <c r="D633" s="144"/>
      <c r="E633" s="31"/>
      <c r="F633" s="31"/>
      <c r="G633" s="164"/>
      <c r="H633" s="164"/>
      <c r="I633" s="164"/>
      <c r="J633" s="164"/>
      <c r="K633" s="164"/>
      <c r="L633" s="164"/>
      <c r="M633" s="181"/>
      <c r="N633" s="181"/>
      <c r="O633" s="181"/>
    </row>
    <row r="634" spans="2:15" s="34" customFormat="1">
      <c r="B634" s="72"/>
      <c r="C634" s="144"/>
      <c r="D634" s="144"/>
      <c r="E634" s="31"/>
      <c r="F634" s="31"/>
      <c r="G634" s="164"/>
      <c r="H634" s="164"/>
      <c r="I634" s="164"/>
      <c r="J634" s="164"/>
      <c r="K634" s="164"/>
      <c r="L634" s="164"/>
      <c r="M634" s="181"/>
      <c r="N634" s="181"/>
      <c r="O634" s="181"/>
    </row>
    <row r="635" spans="2:15" s="34" customFormat="1">
      <c r="B635" s="72"/>
      <c r="C635" s="144"/>
      <c r="D635" s="144"/>
      <c r="E635" s="31"/>
      <c r="F635" s="31"/>
      <c r="G635" s="164"/>
      <c r="H635" s="164"/>
      <c r="I635" s="164"/>
      <c r="J635" s="164"/>
      <c r="K635" s="164"/>
      <c r="L635" s="164"/>
      <c r="M635" s="181"/>
      <c r="N635" s="181"/>
      <c r="O635" s="181"/>
    </row>
    <row r="636" spans="2:15" s="34" customFormat="1">
      <c r="B636" s="72"/>
      <c r="C636" s="144"/>
      <c r="D636" s="144"/>
      <c r="E636" s="31"/>
      <c r="F636" s="31"/>
      <c r="G636" s="164"/>
      <c r="H636" s="164"/>
      <c r="I636" s="164"/>
      <c r="J636" s="164"/>
      <c r="K636" s="164"/>
      <c r="L636" s="164"/>
      <c r="M636" s="181"/>
      <c r="N636" s="181"/>
      <c r="O636" s="181"/>
    </row>
    <row r="637" spans="2:15" s="34" customFormat="1">
      <c r="B637" s="72"/>
      <c r="C637" s="144"/>
      <c r="D637" s="144"/>
      <c r="E637" s="31"/>
      <c r="F637" s="31"/>
      <c r="G637" s="164"/>
      <c r="H637" s="164"/>
      <c r="I637" s="164"/>
      <c r="J637" s="164"/>
      <c r="K637" s="164"/>
      <c r="L637" s="164"/>
      <c r="M637" s="181"/>
      <c r="N637" s="181"/>
      <c r="O637" s="181"/>
    </row>
    <row r="638" spans="2:15" s="34" customFormat="1">
      <c r="B638" s="72"/>
      <c r="C638" s="144"/>
      <c r="D638" s="144"/>
      <c r="E638" s="31"/>
      <c r="F638" s="31"/>
      <c r="G638" s="164"/>
      <c r="H638" s="164"/>
      <c r="I638" s="164"/>
      <c r="J638" s="164"/>
      <c r="K638" s="164"/>
      <c r="L638" s="164"/>
      <c r="M638" s="181"/>
      <c r="N638" s="181"/>
      <c r="O638" s="181"/>
    </row>
    <row r="639" spans="2:15" s="34" customFormat="1">
      <c r="B639" s="72"/>
      <c r="C639" s="144"/>
      <c r="D639" s="144"/>
      <c r="E639" s="31"/>
      <c r="F639" s="31"/>
      <c r="G639" s="164"/>
      <c r="H639" s="164"/>
      <c r="I639" s="164"/>
      <c r="J639" s="164"/>
      <c r="K639" s="164"/>
      <c r="L639" s="164"/>
      <c r="M639" s="181"/>
      <c r="N639" s="181"/>
      <c r="O639" s="181"/>
    </row>
    <row r="640" spans="2:15" s="34" customFormat="1">
      <c r="B640" s="72"/>
      <c r="C640" s="144"/>
      <c r="D640" s="144"/>
      <c r="E640" s="31"/>
      <c r="F640" s="31"/>
      <c r="G640" s="164"/>
      <c r="H640" s="164"/>
      <c r="I640" s="164"/>
      <c r="J640" s="164"/>
      <c r="K640" s="164"/>
      <c r="L640" s="164"/>
      <c r="M640" s="181"/>
      <c r="N640" s="181"/>
      <c r="O640" s="181"/>
    </row>
    <row r="641" spans="2:15" s="34" customFormat="1">
      <c r="B641" s="72"/>
      <c r="C641" s="144"/>
      <c r="D641" s="144"/>
      <c r="E641" s="31"/>
      <c r="F641" s="31"/>
      <c r="G641" s="164"/>
      <c r="H641" s="164"/>
      <c r="I641" s="164"/>
      <c r="J641" s="164"/>
      <c r="K641" s="164"/>
      <c r="L641" s="164"/>
      <c r="M641" s="181"/>
      <c r="N641" s="181"/>
      <c r="O641" s="181"/>
    </row>
    <row r="642" spans="2:15" s="34" customFormat="1">
      <c r="B642" s="72"/>
      <c r="C642" s="144"/>
      <c r="D642" s="144"/>
      <c r="E642" s="31"/>
      <c r="F642" s="31"/>
      <c r="G642" s="164"/>
      <c r="H642" s="164"/>
      <c r="I642" s="164"/>
      <c r="J642" s="164"/>
      <c r="K642" s="164"/>
      <c r="L642" s="164"/>
      <c r="M642" s="181"/>
      <c r="N642" s="181"/>
      <c r="O642" s="181"/>
    </row>
    <row r="643" spans="2:15" s="34" customFormat="1">
      <c r="B643" s="72"/>
      <c r="C643" s="144"/>
      <c r="D643" s="144"/>
      <c r="E643" s="31"/>
      <c r="F643" s="31"/>
      <c r="G643" s="164"/>
      <c r="H643" s="164"/>
      <c r="I643" s="164"/>
      <c r="J643" s="164"/>
      <c r="K643" s="164"/>
      <c r="L643" s="164"/>
      <c r="M643" s="181"/>
      <c r="N643" s="181"/>
      <c r="O643" s="181"/>
    </row>
    <row r="644" spans="2:15" s="34" customFormat="1">
      <c r="B644" s="72"/>
      <c r="C644" s="144"/>
      <c r="D644" s="144"/>
      <c r="E644" s="31"/>
      <c r="F644" s="31"/>
      <c r="G644" s="164"/>
      <c r="H644" s="164"/>
      <c r="I644" s="164"/>
      <c r="J644" s="164"/>
      <c r="K644" s="164"/>
      <c r="L644" s="164"/>
      <c r="M644" s="181"/>
      <c r="N644" s="181"/>
      <c r="O644" s="181"/>
    </row>
    <row r="645" spans="2:15" s="34" customFormat="1">
      <c r="B645" s="72"/>
      <c r="C645" s="144"/>
      <c r="D645" s="144"/>
      <c r="E645" s="31"/>
      <c r="F645" s="31"/>
      <c r="G645" s="164"/>
      <c r="H645" s="164"/>
      <c r="I645" s="164"/>
      <c r="J645" s="164"/>
      <c r="K645" s="164"/>
      <c r="L645" s="164"/>
      <c r="M645" s="181"/>
      <c r="N645" s="181"/>
      <c r="O645" s="181"/>
    </row>
    <row r="646" spans="2:15" s="34" customFormat="1">
      <c r="B646" s="72"/>
      <c r="C646" s="144"/>
      <c r="D646" s="144"/>
      <c r="E646" s="31"/>
      <c r="F646" s="31"/>
      <c r="G646" s="164"/>
      <c r="H646" s="164"/>
      <c r="I646" s="164"/>
      <c r="J646" s="164"/>
      <c r="K646" s="164"/>
      <c r="L646" s="164"/>
      <c r="M646" s="181"/>
      <c r="N646" s="181"/>
      <c r="O646" s="181"/>
    </row>
    <row r="647" spans="2:15" s="34" customFormat="1">
      <c r="B647" s="72"/>
      <c r="C647" s="144"/>
      <c r="D647" s="144"/>
      <c r="E647" s="31"/>
      <c r="F647" s="31"/>
      <c r="G647" s="164"/>
      <c r="H647" s="164"/>
      <c r="I647" s="164"/>
      <c r="J647" s="164"/>
      <c r="K647" s="164"/>
      <c r="L647" s="164"/>
      <c r="M647" s="181"/>
      <c r="N647" s="181"/>
      <c r="O647" s="181"/>
    </row>
    <row r="648" spans="2:15" s="34" customFormat="1">
      <c r="B648" s="72"/>
      <c r="C648" s="144"/>
      <c r="D648" s="144"/>
      <c r="E648" s="31"/>
      <c r="F648" s="31"/>
      <c r="G648" s="164"/>
      <c r="H648" s="164"/>
      <c r="I648" s="164"/>
      <c r="J648" s="164"/>
      <c r="K648" s="164"/>
      <c r="L648" s="164"/>
      <c r="M648" s="181"/>
      <c r="N648" s="181"/>
      <c r="O648" s="181"/>
    </row>
    <row r="649" spans="2:15" s="34" customFormat="1">
      <c r="B649" s="72"/>
      <c r="C649" s="144"/>
      <c r="D649" s="144"/>
      <c r="E649" s="31"/>
      <c r="F649" s="31"/>
      <c r="G649" s="164"/>
      <c r="H649" s="164"/>
      <c r="I649" s="164"/>
      <c r="J649" s="164"/>
      <c r="K649" s="164"/>
      <c r="L649" s="164"/>
      <c r="M649" s="181"/>
      <c r="N649" s="181"/>
      <c r="O649" s="181"/>
    </row>
    <row r="650" spans="2:15" s="34" customFormat="1">
      <c r="B650" s="72"/>
      <c r="C650" s="144"/>
      <c r="D650" s="144"/>
      <c r="E650" s="31"/>
      <c r="F650" s="31"/>
      <c r="G650" s="164"/>
      <c r="H650" s="164"/>
      <c r="I650" s="164"/>
      <c r="J650" s="164"/>
      <c r="K650" s="164"/>
      <c r="L650" s="164"/>
      <c r="M650" s="181"/>
      <c r="N650" s="181"/>
      <c r="O650" s="181"/>
    </row>
    <row r="651" spans="2:15" s="34" customFormat="1">
      <c r="B651" s="72"/>
      <c r="C651" s="144"/>
      <c r="D651" s="144"/>
      <c r="E651" s="31"/>
      <c r="F651" s="31"/>
      <c r="G651" s="164"/>
      <c r="H651" s="164"/>
      <c r="I651" s="164"/>
      <c r="J651" s="164"/>
      <c r="K651" s="164"/>
      <c r="L651" s="164"/>
      <c r="M651" s="181"/>
      <c r="N651" s="181"/>
      <c r="O651" s="181"/>
    </row>
    <row r="652" spans="2:15" s="34" customFormat="1">
      <c r="B652" s="72"/>
      <c r="C652" s="144"/>
      <c r="D652" s="144"/>
      <c r="E652" s="31"/>
      <c r="F652" s="31"/>
      <c r="G652" s="164"/>
      <c r="H652" s="164"/>
      <c r="I652" s="164"/>
      <c r="J652" s="164"/>
      <c r="K652" s="164"/>
      <c r="L652" s="164"/>
      <c r="M652" s="181"/>
      <c r="N652" s="181"/>
      <c r="O652" s="181"/>
    </row>
    <row r="653" spans="2:15" s="34" customFormat="1">
      <c r="B653" s="72"/>
      <c r="C653" s="144"/>
      <c r="D653" s="144"/>
      <c r="E653" s="31"/>
      <c r="F653" s="31"/>
      <c r="G653" s="164"/>
      <c r="H653" s="164"/>
      <c r="I653" s="164"/>
      <c r="J653" s="164"/>
      <c r="K653" s="164"/>
      <c r="L653" s="164"/>
      <c r="M653" s="181"/>
      <c r="N653" s="181"/>
      <c r="O653" s="181"/>
    </row>
    <row r="654" spans="2:15" s="34" customFormat="1">
      <c r="B654" s="72"/>
      <c r="C654" s="144"/>
      <c r="D654" s="144"/>
      <c r="E654" s="31"/>
      <c r="F654" s="31"/>
      <c r="G654" s="164"/>
      <c r="H654" s="164"/>
      <c r="I654" s="164"/>
      <c r="J654" s="164"/>
      <c r="K654" s="164"/>
      <c r="L654" s="164"/>
      <c r="M654" s="181"/>
      <c r="N654" s="181"/>
      <c r="O654" s="181"/>
    </row>
    <row r="655" spans="2:15" s="34" customFormat="1">
      <c r="B655" s="72"/>
      <c r="C655" s="144"/>
      <c r="D655" s="144"/>
      <c r="E655" s="31"/>
      <c r="F655" s="31"/>
      <c r="G655" s="164"/>
      <c r="H655" s="164"/>
      <c r="I655" s="164"/>
      <c r="J655" s="164"/>
      <c r="K655" s="164"/>
      <c r="L655" s="164"/>
      <c r="M655" s="181"/>
      <c r="N655" s="181"/>
      <c r="O655" s="181"/>
    </row>
    <row r="656" spans="2:15" s="34" customFormat="1">
      <c r="B656" s="72"/>
      <c r="C656" s="144"/>
      <c r="D656" s="144"/>
      <c r="E656" s="31"/>
      <c r="F656" s="31"/>
      <c r="G656" s="164"/>
      <c r="H656" s="164"/>
      <c r="I656" s="164"/>
      <c r="J656" s="164"/>
      <c r="K656" s="164"/>
      <c r="L656" s="164"/>
      <c r="M656" s="181"/>
      <c r="N656" s="181"/>
      <c r="O656" s="181"/>
    </row>
    <row r="657" spans="2:15" s="34" customFormat="1">
      <c r="B657" s="72"/>
      <c r="C657" s="144"/>
      <c r="D657" s="144"/>
      <c r="E657" s="31"/>
      <c r="F657" s="31"/>
      <c r="G657" s="164"/>
      <c r="H657" s="164"/>
      <c r="I657" s="164"/>
      <c r="J657" s="164"/>
      <c r="K657" s="164"/>
      <c r="L657" s="164"/>
      <c r="M657" s="181"/>
      <c r="N657" s="181"/>
      <c r="O657" s="181"/>
    </row>
    <row r="658" spans="2:15" s="34" customFormat="1">
      <c r="B658" s="72"/>
      <c r="C658" s="144"/>
      <c r="D658" s="144"/>
      <c r="E658" s="31"/>
      <c r="F658" s="31"/>
      <c r="G658" s="164"/>
      <c r="H658" s="164"/>
      <c r="I658" s="164"/>
      <c r="J658" s="164"/>
      <c r="K658" s="164"/>
      <c r="L658" s="164"/>
      <c r="M658" s="181"/>
      <c r="N658" s="181"/>
      <c r="O658" s="181"/>
    </row>
    <row r="659" spans="2:15" s="34" customFormat="1">
      <c r="B659" s="72"/>
      <c r="C659" s="144"/>
      <c r="D659" s="144"/>
      <c r="E659" s="31"/>
      <c r="F659" s="31"/>
      <c r="G659" s="164"/>
      <c r="H659" s="164"/>
      <c r="I659" s="164"/>
      <c r="J659" s="164"/>
      <c r="K659" s="164"/>
      <c r="L659" s="164"/>
      <c r="M659" s="181"/>
      <c r="N659" s="181"/>
      <c r="O659" s="181"/>
    </row>
    <row r="660" spans="2:15" s="34" customFormat="1">
      <c r="B660" s="72"/>
      <c r="C660" s="144"/>
      <c r="D660" s="144"/>
      <c r="E660" s="31"/>
      <c r="F660" s="31"/>
      <c r="G660" s="164"/>
      <c r="H660" s="164"/>
      <c r="I660" s="164"/>
      <c r="J660" s="164"/>
      <c r="K660" s="164"/>
      <c r="L660" s="164"/>
      <c r="M660" s="181"/>
      <c r="N660" s="181"/>
      <c r="O660" s="181"/>
    </row>
    <row r="661" spans="2:15" s="34" customFormat="1">
      <c r="B661" s="72"/>
      <c r="C661" s="144"/>
      <c r="D661" s="144"/>
      <c r="E661" s="31"/>
      <c r="F661" s="31"/>
      <c r="G661" s="164"/>
      <c r="H661" s="164"/>
      <c r="I661" s="164"/>
      <c r="J661" s="164"/>
      <c r="K661" s="164"/>
      <c r="L661" s="164"/>
      <c r="M661" s="181"/>
      <c r="N661" s="181"/>
      <c r="O661" s="181"/>
    </row>
    <row r="662" spans="2:15" s="34" customFormat="1">
      <c r="B662" s="72"/>
      <c r="C662" s="144"/>
      <c r="D662" s="144"/>
      <c r="E662" s="31"/>
      <c r="F662" s="31"/>
      <c r="G662" s="164"/>
      <c r="H662" s="164"/>
      <c r="I662" s="164"/>
      <c r="J662" s="164"/>
      <c r="K662" s="164"/>
      <c r="L662" s="164"/>
      <c r="M662" s="181"/>
      <c r="N662" s="181"/>
      <c r="O662" s="181"/>
    </row>
    <row r="663" spans="2:15" s="34" customFormat="1">
      <c r="B663" s="72"/>
      <c r="C663" s="144"/>
      <c r="D663" s="144"/>
      <c r="E663" s="31"/>
      <c r="F663" s="31"/>
      <c r="G663" s="164"/>
      <c r="H663" s="164"/>
      <c r="I663" s="164"/>
      <c r="J663" s="164"/>
      <c r="K663" s="164"/>
      <c r="L663" s="164"/>
      <c r="M663" s="181"/>
      <c r="N663" s="181"/>
      <c r="O663" s="181"/>
    </row>
    <row r="664" spans="2:15" s="34" customFormat="1">
      <c r="B664" s="72"/>
      <c r="C664" s="144"/>
      <c r="D664" s="144"/>
      <c r="E664" s="31"/>
      <c r="F664" s="31"/>
      <c r="G664" s="164"/>
      <c r="H664" s="164"/>
      <c r="I664" s="164"/>
      <c r="J664" s="164"/>
      <c r="K664" s="164"/>
      <c r="L664" s="164"/>
      <c r="M664" s="181"/>
      <c r="N664" s="181"/>
      <c r="O664" s="181"/>
    </row>
    <row r="665" spans="2:15" s="34" customFormat="1">
      <c r="B665" s="72"/>
      <c r="C665" s="144"/>
      <c r="D665" s="144"/>
      <c r="E665" s="31"/>
      <c r="F665" s="31"/>
      <c r="G665" s="164"/>
      <c r="H665" s="164"/>
      <c r="I665" s="164"/>
      <c r="J665" s="164"/>
      <c r="K665" s="164"/>
      <c r="L665" s="164"/>
      <c r="M665" s="181"/>
      <c r="N665" s="181"/>
      <c r="O665" s="181"/>
    </row>
    <row r="666" spans="2:15" s="34" customFormat="1">
      <c r="B666" s="72"/>
      <c r="C666" s="144"/>
      <c r="D666" s="144"/>
      <c r="E666" s="31"/>
      <c r="F666" s="31"/>
      <c r="G666" s="164"/>
      <c r="H666" s="164"/>
      <c r="I666" s="164"/>
      <c r="J666" s="164"/>
      <c r="K666" s="164"/>
      <c r="L666" s="164"/>
      <c r="M666" s="181"/>
      <c r="N666" s="181"/>
      <c r="O666" s="181"/>
    </row>
    <row r="667" spans="2:15" s="34" customFormat="1">
      <c r="B667" s="72"/>
      <c r="C667" s="144"/>
      <c r="D667" s="144"/>
      <c r="E667" s="31"/>
      <c r="F667" s="31"/>
      <c r="G667" s="164"/>
      <c r="H667" s="164"/>
      <c r="I667" s="164"/>
      <c r="J667" s="164"/>
      <c r="K667" s="164"/>
      <c r="L667" s="164"/>
      <c r="M667" s="181"/>
      <c r="N667" s="181"/>
      <c r="O667" s="181"/>
    </row>
    <row r="668" spans="2:15" s="34" customFormat="1">
      <c r="B668" s="72"/>
      <c r="C668" s="144"/>
      <c r="D668" s="144"/>
      <c r="E668" s="31"/>
      <c r="F668" s="31"/>
      <c r="G668" s="164"/>
      <c r="H668" s="164"/>
      <c r="I668" s="164"/>
      <c r="J668" s="164"/>
      <c r="K668" s="164"/>
      <c r="L668" s="164"/>
      <c r="M668" s="181"/>
      <c r="N668" s="181"/>
      <c r="O668" s="181"/>
    </row>
    <row r="669" spans="2:15" s="34" customFormat="1">
      <c r="B669" s="72"/>
      <c r="C669" s="144"/>
      <c r="D669" s="144"/>
      <c r="E669" s="31"/>
      <c r="F669" s="31"/>
      <c r="G669" s="164"/>
      <c r="H669" s="164"/>
      <c r="I669" s="164"/>
      <c r="J669" s="164"/>
      <c r="K669" s="164"/>
      <c r="L669" s="164"/>
      <c r="M669" s="181"/>
      <c r="N669" s="181"/>
      <c r="O669" s="181"/>
    </row>
    <row r="670" spans="2:15" s="34" customFormat="1">
      <c r="B670" s="72"/>
      <c r="C670" s="144"/>
      <c r="D670" s="144"/>
      <c r="E670" s="31"/>
      <c r="F670" s="31"/>
      <c r="G670" s="164"/>
      <c r="H670" s="164"/>
      <c r="I670" s="164"/>
      <c r="J670" s="164"/>
      <c r="K670" s="164"/>
      <c r="L670" s="164"/>
      <c r="M670" s="181"/>
      <c r="N670" s="181"/>
      <c r="O670" s="181"/>
    </row>
    <row r="671" spans="2:15" s="34" customFormat="1">
      <c r="B671" s="72"/>
      <c r="C671" s="144"/>
      <c r="D671" s="144"/>
      <c r="E671" s="31"/>
      <c r="F671" s="31"/>
      <c r="G671" s="164"/>
      <c r="H671" s="164"/>
      <c r="I671" s="164"/>
      <c r="J671" s="164"/>
      <c r="K671" s="164"/>
      <c r="L671" s="164"/>
      <c r="M671" s="181"/>
      <c r="N671" s="181"/>
      <c r="O671" s="181"/>
    </row>
    <row r="672" spans="2:15" s="34" customFormat="1">
      <c r="B672" s="72"/>
      <c r="C672" s="144"/>
      <c r="D672" s="144"/>
      <c r="E672" s="31"/>
      <c r="F672" s="31"/>
      <c r="G672" s="164"/>
      <c r="H672" s="164"/>
      <c r="I672" s="164"/>
      <c r="J672" s="164"/>
      <c r="K672" s="164"/>
      <c r="L672" s="164"/>
      <c r="M672" s="181"/>
      <c r="N672" s="181"/>
      <c r="O672" s="181"/>
    </row>
    <row r="673" spans="2:15" s="34" customFormat="1">
      <c r="B673" s="72"/>
      <c r="C673" s="144"/>
      <c r="D673" s="144"/>
      <c r="E673" s="31"/>
      <c r="F673" s="31"/>
      <c r="G673" s="164"/>
      <c r="H673" s="164"/>
      <c r="I673" s="164"/>
      <c r="J673" s="164"/>
      <c r="K673" s="164"/>
      <c r="L673" s="164"/>
      <c r="M673" s="181"/>
      <c r="N673" s="181"/>
      <c r="O673" s="181"/>
    </row>
    <row r="674" spans="2:15" s="34" customFormat="1">
      <c r="B674" s="72"/>
      <c r="C674" s="144"/>
      <c r="D674" s="144"/>
      <c r="E674" s="31"/>
      <c r="F674" s="31"/>
      <c r="G674" s="164"/>
      <c r="H674" s="164"/>
      <c r="I674" s="164"/>
      <c r="J674" s="164"/>
      <c r="K674" s="164"/>
      <c r="L674" s="164"/>
      <c r="M674" s="181"/>
      <c r="N674" s="181"/>
      <c r="O674" s="181"/>
    </row>
    <row r="675" spans="2:15" s="34" customFormat="1">
      <c r="B675" s="72"/>
      <c r="C675" s="144"/>
      <c r="D675" s="144"/>
      <c r="E675" s="31"/>
      <c r="F675" s="31"/>
      <c r="G675" s="164"/>
      <c r="H675" s="164"/>
      <c r="I675" s="164"/>
      <c r="J675" s="164"/>
      <c r="K675" s="164"/>
      <c r="L675" s="164"/>
      <c r="M675" s="181"/>
      <c r="N675" s="181"/>
      <c r="O675" s="181"/>
    </row>
    <row r="676" spans="2:15" s="34" customFormat="1">
      <c r="B676" s="72"/>
      <c r="C676" s="144"/>
      <c r="D676" s="144"/>
      <c r="E676" s="31"/>
      <c r="F676" s="31"/>
      <c r="G676" s="164"/>
      <c r="H676" s="164"/>
      <c r="I676" s="164"/>
      <c r="J676" s="164"/>
      <c r="K676" s="164"/>
      <c r="L676" s="164"/>
      <c r="M676" s="181"/>
      <c r="N676" s="181"/>
      <c r="O676" s="181"/>
    </row>
    <row r="677" spans="2:15" s="34" customFormat="1">
      <c r="B677" s="72"/>
      <c r="C677" s="144"/>
      <c r="D677" s="144"/>
      <c r="E677" s="31"/>
      <c r="F677" s="31"/>
      <c r="G677" s="164"/>
      <c r="H677" s="164"/>
      <c r="I677" s="164"/>
      <c r="J677" s="164"/>
      <c r="K677" s="164"/>
      <c r="L677" s="164"/>
      <c r="M677" s="181"/>
      <c r="N677" s="181"/>
      <c r="O677" s="181"/>
    </row>
    <row r="678" spans="2:15" s="34" customFormat="1">
      <c r="B678" s="72"/>
      <c r="C678" s="144"/>
      <c r="D678" s="144"/>
      <c r="E678" s="31"/>
      <c r="F678" s="31"/>
      <c r="G678" s="164"/>
      <c r="H678" s="164"/>
      <c r="I678" s="164"/>
      <c r="J678" s="164"/>
      <c r="K678" s="164"/>
      <c r="L678" s="164"/>
      <c r="M678" s="181"/>
      <c r="N678" s="181"/>
      <c r="O678" s="181"/>
    </row>
    <row r="679" spans="2:15" s="34" customFormat="1">
      <c r="B679" s="72"/>
      <c r="C679" s="144"/>
      <c r="D679" s="144"/>
      <c r="E679" s="31"/>
      <c r="F679" s="31"/>
      <c r="G679" s="164"/>
      <c r="H679" s="164"/>
      <c r="I679" s="164"/>
      <c r="J679" s="164"/>
      <c r="K679" s="164"/>
      <c r="L679" s="164"/>
      <c r="M679" s="181"/>
      <c r="N679" s="181"/>
      <c r="O679" s="181"/>
    </row>
    <row r="680" spans="2:15" s="34" customFormat="1">
      <c r="B680" s="72"/>
      <c r="C680" s="144"/>
      <c r="D680" s="144"/>
      <c r="E680" s="31"/>
      <c r="F680" s="31"/>
      <c r="G680" s="164"/>
      <c r="H680" s="164"/>
      <c r="I680" s="164"/>
      <c r="J680" s="164"/>
      <c r="K680" s="164"/>
      <c r="L680" s="164"/>
      <c r="M680" s="181"/>
      <c r="N680" s="181"/>
      <c r="O680" s="181"/>
    </row>
    <row r="681" spans="2:15" s="34" customFormat="1">
      <c r="B681" s="72"/>
      <c r="C681" s="144"/>
      <c r="D681" s="144"/>
      <c r="E681" s="31"/>
      <c r="F681" s="31"/>
      <c r="G681" s="164"/>
      <c r="H681" s="164"/>
      <c r="I681" s="164"/>
      <c r="J681" s="164"/>
      <c r="K681" s="164"/>
      <c r="L681" s="164"/>
      <c r="M681" s="181"/>
      <c r="N681" s="181"/>
      <c r="O681" s="181"/>
    </row>
    <row r="682" spans="2:15" s="34" customFormat="1">
      <c r="B682" s="72"/>
      <c r="C682" s="144"/>
      <c r="D682" s="144"/>
      <c r="E682" s="31"/>
      <c r="F682" s="31"/>
      <c r="G682" s="164"/>
      <c r="H682" s="164"/>
      <c r="I682" s="164"/>
      <c r="J682" s="164"/>
      <c r="K682" s="164"/>
      <c r="L682" s="164"/>
      <c r="M682" s="181"/>
      <c r="N682" s="181"/>
      <c r="O682" s="181"/>
    </row>
    <row r="683" spans="2:15" s="34" customFormat="1">
      <c r="B683" s="72"/>
      <c r="C683" s="144"/>
      <c r="D683" s="144"/>
      <c r="E683" s="31"/>
      <c r="F683" s="31"/>
      <c r="G683" s="164"/>
      <c r="H683" s="164"/>
      <c r="I683" s="164"/>
      <c r="J683" s="164"/>
      <c r="K683" s="164"/>
      <c r="L683" s="164"/>
      <c r="M683" s="181"/>
      <c r="N683" s="181"/>
      <c r="O683" s="181"/>
    </row>
    <row r="684" spans="2:15" s="34" customFormat="1">
      <c r="B684" s="72"/>
      <c r="C684" s="144"/>
      <c r="D684" s="144"/>
      <c r="E684" s="31"/>
      <c r="F684" s="31"/>
      <c r="G684" s="164"/>
      <c r="H684" s="164"/>
      <c r="I684" s="164"/>
      <c r="J684" s="164"/>
      <c r="K684" s="164"/>
      <c r="L684" s="164"/>
      <c r="M684" s="181"/>
      <c r="N684" s="181"/>
      <c r="O684" s="181"/>
    </row>
    <row r="685" spans="2:15" s="34" customFormat="1">
      <c r="B685" s="72"/>
      <c r="C685" s="144"/>
      <c r="D685" s="144"/>
      <c r="E685" s="31"/>
      <c r="F685" s="31"/>
      <c r="G685" s="164"/>
      <c r="H685" s="164"/>
      <c r="I685" s="164"/>
      <c r="J685" s="164"/>
      <c r="K685" s="164"/>
      <c r="L685" s="164"/>
      <c r="M685" s="181"/>
      <c r="N685" s="181"/>
      <c r="O685" s="181"/>
    </row>
    <row r="686" spans="2:15" s="34" customFormat="1">
      <c r="B686" s="72"/>
      <c r="C686" s="144"/>
      <c r="D686" s="144"/>
      <c r="E686" s="31"/>
      <c r="F686" s="31"/>
      <c r="G686" s="164"/>
      <c r="H686" s="164"/>
      <c r="I686" s="164"/>
      <c r="J686" s="164"/>
      <c r="K686" s="164"/>
      <c r="L686" s="164"/>
      <c r="M686" s="181"/>
      <c r="N686" s="181"/>
      <c r="O686" s="181"/>
    </row>
    <row r="687" spans="2:15" s="34" customFormat="1">
      <c r="B687" s="72"/>
      <c r="C687" s="144"/>
      <c r="D687" s="144"/>
      <c r="E687" s="31"/>
      <c r="F687" s="31"/>
      <c r="G687" s="164"/>
      <c r="H687" s="164"/>
      <c r="I687" s="164"/>
      <c r="J687" s="164"/>
      <c r="K687" s="164"/>
      <c r="L687" s="164"/>
      <c r="M687" s="181"/>
      <c r="N687" s="181"/>
      <c r="O687" s="181"/>
    </row>
    <row r="688" spans="2:15" s="34" customFormat="1">
      <c r="B688" s="72"/>
      <c r="C688" s="144"/>
      <c r="D688" s="144"/>
      <c r="E688" s="31"/>
      <c r="F688" s="31"/>
      <c r="G688" s="164"/>
      <c r="H688" s="164"/>
      <c r="I688" s="164"/>
      <c r="J688" s="164"/>
      <c r="K688" s="164"/>
      <c r="L688" s="164"/>
      <c r="M688" s="181"/>
      <c r="N688" s="181"/>
      <c r="O688" s="181"/>
    </row>
    <row r="689" spans="2:15" s="34" customFormat="1">
      <c r="B689" s="72"/>
      <c r="C689" s="144"/>
      <c r="D689" s="144"/>
      <c r="E689" s="31"/>
      <c r="F689" s="31"/>
      <c r="G689" s="164"/>
      <c r="H689" s="164"/>
      <c r="I689" s="164"/>
      <c r="J689" s="164"/>
      <c r="K689" s="164"/>
      <c r="L689" s="164"/>
      <c r="M689" s="181"/>
      <c r="N689" s="181"/>
      <c r="O689" s="181"/>
    </row>
    <row r="690" spans="2:15" s="34" customFormat="1">
      <c r="B690" s="72"/>
      <c r="C690" s="144"/>
      <c r="D690" s="144"/>
      <c r="E690" s="31"/>
      <c r="F690" s="31"/>
      <c r="G690" s="164"/>
      <c r="H690" s="164"/>
      <c r="I690" s="164"/>
      <c r="J690" s="164"/>
      <c r="K690" s="164"/>
      <c r="L690" s="164"/>
      <c r="M690" s="181"/>
      <c r="N690" s="181"/>
      <c r="O690" s="181"/>
    </row>
    <row r="691" spans="2:15" s="34" customFormat="1">
      <c r="B691" s="72"/>
      <c r="C691" s="144"/>
      <c r="D691" s="144"/>
      <c r="E691" s="31"/>
      <c r="F691" s="31"/>
      <c r="G691" s="164"/>
      <c r="H691" s="164"/>
      <c r="I691" s="164"/>
      <c r="J691" s="164"/>
      <c r="K691" s="164"/>
      <c r="L691" s="164"/>
      <c r="M691" s="181"/>
      <c r="N691" s="181"/>
      <c r="O691" s="181"/>
    </row>
    <row r="692" spans="2:15" s="34" customFormat="1">
      <c r="B692" s="72"/>
      <c r="C692" s="144"/>
      <c r="D692" s="144"/>
      <c r="E692" s="31"/>
      <c r="F692" s="31"/>
      <c r="G692" s="164"/>
      <c r="H692" s="164"/>
      <c r="I692" s="164"/>
      <c r="J692" s="164"/>
      <c r="K692" s="164"/>
      <c r="L692" s="164"/>
      <c r="M692" s="181"/>
      <c r="N692" s="181"/>
      <c r="O692" s="181"/>
    </row>
    <row r="693" spans="2:15" s="34" customFormat="1">
      <c r="B693" s="72"/>
      <c r="C693" s="144"/>
      <c r="D693" s="144"/>
      <c r="E693" s="31"/>
      <c r="F693" s="31"/>
      <c r="G693" s="164"/>
      <c r="H693" s="164"/>
      <c r="I693" s="164"/>
      <c r="J693" s="164"/>
      <c r="K693" s="164"/>
      <c r="L693" s="164"/>
      <c r="M693" s="181"/>
      <c r="N693" s="181"/>
      <c r="O693" s="181"/>
    </row>
    <row r="694" spans="2:15" s="34" customFormat="1">
      <c r="B694" s="72"/>
      <c r="C694" s="144"/>
      <c r="D694" s="144"/>
      <c r="E694" s="31"/>
      <c r="F694" s="31"/>
      <c r="G694" s="164"/>
      <c r="H694" s="164"/>
      <c r="I694" s="164"/>
      <c r="J694" s="164"/>
      <c r="K694" s="164"/>
      <c r="L694" s="164"/>
      <c r="M694" s="181"/>
      <c r="N694" s="181"/>
      <c r="O694" s="181"/>
    </row>
    <row r="695" spans="2:15" s="34" customFormat="1">
      <c r="B695" s="72"/>
      <c r="C695" s="144"/>
      <c r="D695" s="144"/>
      <c r="E695" s="31"/>
      <c r="F695" s="31"/>
      <c r="G695" s="164"/>
      <c r="H695" s="164"/>
      <c r="I695" s="164"/>
      <c r="J695" s="164"/>
      <c r="K695" s="164"/>
      <c r="L695" s="164"/>
      <c r="M695" s="181"/>
      <c r="N695" s="181"/>
      <c r="O695" s="181"/>
    </row>
    <row r="696" spans="2:15" s="34" customFormat="1">
      <c r="B696" s="72"/>
      <c r="C696" s="144"/>
      <c r="D696" s="144"/>
      <c r="E696" s="31"/>
      <c r="F696" s="31"/>
      <c r="G696" s="164"/>
      <c r="H696" s="164"/>
      <c r="I696" s="164"/>
      <c r="J696" s="164"/>
      <c r="K696" s="164"/>
      <c r="L696" s="164"/>
      <c r="M696" s="181"/>
      <c r="N696" s="181"/>
      <c r="O696" s="181"/>
    </row>
    <row r="697" spans="2:15" s="34" customFormat="1">
      <c r="B697" s="72"/>
      <c r="C697" s="144"/>
      <c r="D697" s="144"/>
      <c r="E697" s="31"/>
      <c r="F697" s="31"/>
      <c r="G697" s="164"/>
      <c r="H697" s="164"/>
      <c r="I697" s="164"/>
      <c r="J697" s="164"/>
      <c r="K697" s="164"/>
      <c r="L697" s="164"/>
      <c r="M697" s="181"/>
      <c r="N697" s="181"/>
      <c r="O697" s="181"/>
    </row>
    <row r="698" spans="2:15" s="34" customFormat="1">
      <c r="B698" s="72"/>
      <c r="C698" s="144"/>
      <c r="D698" s="144"/>
      <c r="E698" s="31"/>
      <c r="F698" s="31"/>
      <c r="G698" s="164"/>
      <c r="H698" s="164"/>
      <c r="I698" s="164"/>
      <c r="J698" s="164"/>
      <c r="K698" s="164"/>
      <c r="L698" s="164"/>
      <c r="M698" s="181"/>
      <c r="N698" s="181"/>
      <c r="O698" s="181"/>
    </row>
    <row r="699" spans="2:15" s="34" customFormat="1">
      <c r="B699" s="72"/>
      <c r="C699" s="144"/>
      <c r="D699" s="144"/>
      <c r="E699" s="31"/>
      <c r="F699" s="31"/>
      <c r="G699" s="164"/>
      <c r="H699" s="164"/>
      <c r="I699" s="164"/>
      <c r="J699" s="164"/>
      <c r="K699" s="164"/>
      <c r="L699" s="164"/>
      <c r="M699" s="181"/>
      <c r="N699" s="181"/>
      <c r="O699" s="181"/>
    </row>
    <row r="700" spans="2:15" s="34" customFormat="1">
      <c r="B700" s="72"/>
      <c r="C700" s="144"/>
      <c r="D700" s="144"/>
      <c r="E700" s="31"/>
      <c r="F700" s="31"/>
      <c r="G700" s="164"/>
      <c r="H700" s="164"/>
      <c r="I700" s="164"/>
      <c r="J700" s="164"/>
      <c r="K700" s="164"/>
      <c r="L700" s="164"/>
      <c r="M700" s="181"/>
      <c r="N700" s="181"/>
      <c r="O700" s="181"/>
    </row>
    <row r="701" spans="2:15" s="34" customFormat="1">
      <c r="B701" s="72"/>
      <c r="C701" s="144"/>
      <c r="D701" s="144"/>
      <c r="E701" s="31"/>
      <c r="F701" s="31"/>
      <c r="G701" s="164"/>
      <c r="H701" s="164"/>
      <c r="I701" s="164"/>
      <c r="J701" s="164"/>
      <c r="K701" s="164"/>
      <c r="L701" s="164"/>
      <c r="M701" s="181"/>
      <c r="N701" s="181"/>
      <c r="O701" s="181"/>
    </row>
    <row r="702" spans="2:15" s="34" customFormat="1">
      <c r="B702" s="72"/>
      <c r="C702" s="144"/>
      <c r="D702" s="144"/>
      <c r="E702" s="31"/>
      <c r="F702" s="31"/>
      <c r="G702" s="164"/>
      <c r="H702" s="164"/>
      <c r="I702" s="164"/>
      <c r="J702" s="164"/>
      <c r="K702" s="164"/>
      <c r="L702" s="164"/>
      <c r="M702" s="181"/>
      <c r="N702" s="181"/>
      <c r="O702" s="181"/>
    </row>
    <row r="703" spans="2:15" s="34" customFormat="1">
      <c r="B703" s="72"/>
      <c r="C703" s="144"/>
      <c r="D703" s="144"/>
      <c r="E703" s="31"/>
      <c r="F703" s="31"/>
      <c r="G703" s="164"/>
      <c r="H703" s="164"/>
      <c r="I703" s="164"/>
      <c r="J703" s="164"/>
      <c r="K703" s="164"/>
      <c r="L703" s="164"/>
      <c r="M703" s="181"/>
      <c r="N703" s="181"/>
      <c r="O703" s="181"/>
    </row>
    <row r="704" spans="2:15" s="34" customFormat="1">
      <c r="B704" s="72"/>
      <c r="C704" s="144"/>
      <c r="D704" s="144"/>
      <c r="E704" s="31"/>
      <c r="F704" s="31"/>
      <c r="G704" s="164"/>
      <c r="H704" s="164"/>
      <c r="I704" s="164"/>
      <c r="J704" s="164"/>
      <c r="K704" s="164"/>
      <c r="L704" s="164"/>
      <c r="M704" s="181"/>
      <c r="N704" s="181"/>
      <c r="O704" s="181"/>
    </row>
    <row r="705" spans="2:15" s="34" customFormat="1">
      <c r="B705" s="72"/>
      <c r="C705" s="144"/>
      <c r="D705" s="144"/>
      <c r="E705" s="31"/>
      <c r="F705" s="31"/>
      <c r="G705" s="164"/>
      <c r="H705" s="164"/>
      <c r="I705" s="164"/>
      <c r="J705" s="164"/>
      <c r="K705" s="164"/>
      <c r="L705" s="164"/>
      <c r="M705" s="181"/>
      <c r="N705" s="181"/>
      <c r="O705" s="181"/>
    </row>
    <row r="706" spans="2:15" s="34" customFormat="1">
      <c r="B706" s="72"/>
      <c r="C706" s="144"/>
      <c r="D706" s="144"/>
      <c r="E706" s="31"/>
      <c r="F706" s="31"/>
      <c r="G706" s="164"/>
      <c r="H706" s="164"/>
      <c r="I706" s="164"/>
      <c r="J706" s="164"/>
      <c r="K706" s="164"/>
      <c r="L706" s="164"/>
      <c r="M706" s="181"/>
      <c r="N706" s="181"/>
      <c r="O706" s="181"/>
    </row>
    <row r="707" spans="2:15" s="34" customFormat="1">
      <c r="B707" s="72"/>
      <c r="C707" s="144"/>
      <c r="D707" s="144"/>
      <c r="E707" s="31"/>
      <c r="F707" s="31"/>
      <c r="G707" s="164"/>
      <c r="H707" s="164"/>
      <c r="I707" s="164"/>
      <c r="J707" s="164"/>
      <c r="K707" s="164"/>
      <c r="L707" s="164"/>
      <c r="M707" s="181"/>
      <c r="N707" s="181"/>
      <c r="O707" s="181"/>
    </row>
    <row r="708" spans="2:15" s="34" customFormat="1">
      <c r="B708" s="72"/>
      <c r="C708" s="144"/>
      <c r="D708" s="144"/>
      <c r="E708" s="31"/>
      <c r="F708" s="31"/>
      <c r="G708" s="164"/>
      <c r="H708" s="164"/>
      <c r="I708" s="164"/>
      <c r="J708" s="164"/>
      <c r="K708" s="164"/>
      <c r="L708" s="164"/>
      <c r="M708" s="181"/>
      <c r="N708" s="181"/>
      <c r="O708" s="181"/>
    </row>
    <row r="709" spans="2:15" s="34" customFormat="1">
      <c r="B709" s="72"/>
      <c r="C709" s="144"/>
      <c r="D709" s="144"/>
      <c r="E709" s="31"/>
      <c r="F709" s="31"/>
      <c r="G709" s="164"/>
      <c r="H709" s="164"/>
      <c r="I709" s="164"/>
      <c r="J709" s="164"/>
      <c r="K709" s="164"/>
      <c r="L709" s="164"/>
      <c r="M709" s="181"/>
      <c r="N709" s="181"/>
      <c r="O709" s="181"/>
    </row>
    <row r="710" spans="2:15" s="34" customFormat="1">
      <c r="B710" s="72"/>
      <c r="C710" s="144"/>
      <c r="D710" s="144"/>
      <c r="E710" s="31"/>
      <c r="F710" s="31"/>
      <c r="G710" s="164"/>
      <c r="H710" s="164"/>
      <c r="I710" s="164"/>
      <c r="J710" s="164"/>
      <c r="K710" s="164"/>
      <c r="L710" s="164"/>
      <c r="M710" s="181"/>
      <c r="N710" s="181"/>
      <c r="O710" s="181"/>
    </row>
    <row r="711" spans="2:15" s="34" customFormat="1">
      <c r="B711" s="72"/>
      <c r="C711" s="144"/>
      <c r="D711" s="144"/>
      <c r="E711" s="31"/>
      <c r="F711" s="31"/>
      <c r="G711" s="164"/>
      <c r="H711" s="164"/>
      <c r="I711" s="164"/>
      <c r="J711" s="164"/>
      <c r="K711" s="164"/>
      <c r="L711" s="164"/>
      <c r="M711" s="181"/>
      <c r="N711" s="181"/>
      <c r="O711" s="181"/>
    </row>
    <row r="712" spans="2:15" s="34" customFormat="1">
      <c r="B712" s="72"/>
      <c r="C712" s="144"/>
      <c r="D712" s="144"/>
      <c r="E712" s="31"/>
      <c r="F712" s="31"/>
      <c r="G712" s="164"/>
      <c r="H712" s="164"/>
      <c r="I712" s="164"/>
      <c r="J712" s="164"/>
      <c r="K712" s="164"/>
      <c r="L712" s="164"/>
      <c r="M712" s="181"/>
      <c r="N712" s="181"/>
      <c r="O712" s="181"/>
    </row>
    <row r="713" spans="2:15" s="34" customFormat="1">
      <c r="B713" s="72"/>
      <c r="C713" s="144"/>
      <c r="D713" s="144"/>
      <c r="E713" s="31"/>
      <c r="F713" s="31"/>
      <c r="G713" s="164"/>
      <c r="H713" s="164"/>
      <c r="I713" s="164"/>
      <c r="J713" s="164"/>
      <c r="K713" s="164"/>
      <c r="L713" s="164"/>
      <c r="M713" s="181"/>
      <c r="N713" s="181"/>
      <c r="O713" s="181"/>
    </row>
    <row r="714" spans="2:15" s="34" customFormat="1">
      <c r="B714" s="72"/>
      <c r="C714" s="144"/>
      <c r="D714" s="144"/>
      <c r="E714" s="31"/>
      <c r="F714" s="31"/>
      <c r="G714" s="164"/>
      <c r="H714" s="164"/>
      <c r="I714" s="164"/>
      <c r="J714" s="164"/>
      <c r="K714" s="164"/>
      <c r="L714" s="164"/>
      <c r="M714" s="181"/>
      <c r="N714" s="181"/>
      <c r="O714" s="181"/>
    </row>
    <row r="715" spans="2:15" s="34" customFormat="1">
      <c r="B715" s="72"/>
      <c r="C715" s="144"/>
      <c r="D715" s="144"/>
      <c r="E715" s="31"/>
      <c r="F715" s="31"/>
      <c r="G715" s="164"/>
      <c r="H715" s="164"/>
      <c r="I715" s="164"/>
      <c r="J715" s="164"/>
      <c r="K715" s="164"/>
      <c r="L715" s="164"/>
      <c r="M715" s="181"/>
      <c r="N715" s="181"/>
      <c r="O715" s="181"/>
    </row>
    <row r="716" spans="2:15" s="34" customFormat="1">
      <c r="B716" s="72"/>
      <c r="C716" s="144"/>
      <c r="D716" s="144"/>
      <c r="E716" s="31"/>
      <c r="F716" s="31"/>
      <c r="G716" s="164"/>
      <c r="H716" s="164"/>
      <c r="I716" s="164"/>
      <c r="J716" s="164"/>
      <c r="K716" s="164"/>
      <c r="L716" s="164"/>
      <c r="M716" s="181"/>
      <c r="N716" s="181"/>
      <c r="O716" s="181"/>
    </row>
    <row r="717" spans="2:15" s="34" customFormat="1">
      <c r="B717" s="72"/>
      <c r="C717" s="144"/>
      <c r="D717" s="144"/>
      <c r="E717" s="31"/>
      <c r="F717" s="31"/>
      <c r="G717" s="164"/>
      <c r="H717" s="164"/>
      <c r="I717" s="164"/>
      <c r="J717" s="164"/>
      <c r="K717" s="164"/>
      <c r="L717" s="164"/>
      <c r="M717" s="181"/>
      <c r="N717" s="181"/>
      <c r="O717" s="181"/>
    </row>
    <row r="718" spans="2:15" s="34" customFormat="1">
      <c r="B718" s="72"/>
      <c r="C718" s="144"/>
      <c r="D718" s="144"/>
      <c r="E718" s="31"/>
      <c r="F718" s="31"/>
      <c r="G718" s="164"/>
      <c r="H718" s="164"/>
      <c r="I718" s="164"/>
      <c r="J718" s="164"/>
      <c r="K718" s="164"/>
      <c r="L718" s="164"/>
      <c r="M718" s="181"/>
      <c r="N718" s="181"/>
      <c r="O718" s="181"/>
    </row>
    <row r="719" spans="2:15" s="34" customFormat="1">
      <c r="B719" s="72"/>
      <c r="C719" s="144"/>
      <c r="D719" s="144"/>
      <c r="E719" s="31"/>
      <c r="F719" s="31"/>
      <c r="G719" s="164"/>
      <c r="H719" s="164"/>
      <c r="I719" s="164"/>
      <c r="J719" s="164"/>
      <c r="K719" s="164"/>
      <c r="L719" s="164"/>
      <c r="M719" s="181"/>
      <c r="N719" s="181"/>
      <c r="O719" s="181"/>
    </row>
    <row r="720" spans="2:15" s="34" customFormat="1">
      <c r="B720" s="72"/>
      <c r="C720" s="144"/>
      <c r="D720" s="144"/>
      <c r="E720" s="31"/>
      <c r="F720" s="31"/>
      <c r="G720" s="164"/>
      <c r="H720" s="164"/>
      <c r="I720" s="164"/>
      <c r="J720" s="164"/>
      <c r="K720" s="164"/>
      <c r="L720" s="164"/>
      <c r="M720" s="181"/>
      <c r="N720" s="181"/>
      <c r="O720" s="181"/>
    </row>
    <row r="721" spans="2:15" s="34" customFormat="1">
      <c r="B721" s="72"/>
      <c r="C721" s="144"/>
      <c r="D721" s="144"/>
      <c r="E721" s="31"/>
      <c r="F721" s="31"/>
      <c r="G721" s="164"/>
      <c r="H721" s="164"/>
      <c r="I721" s="164"/>
      <c r="J721" s="164"/>
      <c r="K721" s="164"/>
      <c r="L721" s="164"/>
      <c r="M721" s="181"/>
      <c r="N721" s="181"/>
      <c r="O721" s="181"/>
    </row>
    <row r="722" spans="2:15" s="34" customFormat="1">
      <c r="B722" s="72"/>
      <c r="C722" s="144"/>
      <c r="D722" s="144"/>
      <c r="E722" s="31"/>
      <c r="F722" s="31"/>
      <c r="G722" s="164"/>
      <c r="H722" s="164"/>
      <c r="I722" s="164"/>
      <c r="J722" s="164"/>
      <c r="K722" s="164"/>
      <c r="L722" s="164"/>
      <c r="M722" s="181"/>
      <c r="N722" s="181"/>
      <c r="O722" s="181"/>
    </row>
    <row r="723" spans="2:15" s="34" customFormat="1">
      <c r="B723" s="72"/>
      <c r="C723" s="144"/>
      <c r="D723" s="144"/>
      <c r="E723" s="31"/>
      <c r="F723" s="31"/>
      <c r="G723" s="164"/>
      <c r="H723" s="164"/>
      <c r="I723" s="164"/>
      <c r="J723" s="164"/>
      <c r="K723" s="164"/>
      <c r="L723" s="164"/>
      <c r="M723" s="181"/>
      <c r="N723" s="181"/>
      <c r="O723" s="181"/>
    </row>
    <row r="724" spans="2:15" s="34" customFormat="1">
      <c r="B724" s="72"/>
      <c r="C724" s="144"/>
      <c r="D724" s="144"/>
      <c r="E724" s="31"/>
      <c r="F724" s="31"/>
      <c r="G724" s="164"/>
      <c r="H724" s="164"/>
      <c r="I724" s="164"/>
      <c r="J724" s="164"/>
      <c r="K724" s="164"/>
      <c r="L724" s="164"/>
      <c r="M724" s="181"/>
      <c r="N724" s="181"/>
      <c r="O724" s="181"/>
    </row>
    <row r="725" spans="2:15" s="34" customFormat="1">
      <c r="B725" s="72"/>
      <c r="C725" s="144"/>
      <c r="D725" s="144"/>
      <c r="E725" s="31"/>
      <c r="F725" s="31"/>
      <c r="G725" s="164"/>
      <c r="H725" s="164"/>
      <c r="I725" s="164"/>
      <c r="J725" s="164"/>
      <c r="K725" s="164"/>
      <c r="L725" s="164"/>
      <c r="M725" s="181"/>
      <c r="N725" s="181"/>
      <c r="O725" s="181"/>
    </row>
    <row r="726" spans="2:15" s="34" customFormat="1">
      <c r="B726" s="72"/>
      <c r="C726" s="144"/>
      <c r="D726" s="144"/>
      <c r="E726" s="31"/>
      <c r="F726" s="31"/>
      <c r="G726" s="164"/>
      <c r="H726" s="164"/>
      <c r="I726" s="164"/>
      <c r="J726" s="164"/>
      <c r="K726" s="164"/>
      <c r="L726" s="164"/>
      <c r="M726" s="181"/>
      <c r="N726" s="181"/>
      <c r="O726" s="181"/>
    </row>
    <row r="727" spans="2:15" s="34" customFormat="1">
      <c r="B727" s="72"/>
      <c r="C727" s="144"/>
      <c r="D727" s="144"/>
      <c r="E727" s="31"/>
      <c r="F727" s="31"/>
      <c r="G727" s="164"/>
      <c r="H727" s="164"/>
      <c r="I727" s="164"/>
      <c r="J727" s="164"/>
      <c r="K727" s="164"/>
      <c r="L727" s="164"/>
      <c r="M727" s="181"/>
      <c r="N727" s="181"/>
      <c r="O727" s="181"/>
    </row>
    <row r="728" spans="2:15" s="34" customFormat="1">
      <c r="B728" s="72"/>
      <c r="C728" s="144"/>
      <c r="D728" s="144"/>
      <c r="E728" s="31"/>
      <c r="F728" s="31"/>
      <c r="G728" s="164"/>
      <c r="H728" s="164"/>
      <c r="I728" s="164"/>
      <c r="J728" s="164"/>
      <c r="K728" s="164"/>
      <c r="L728" s="164"/>
      <c r="M728" s="181"/>
      <c r="N728" s="181"/>
      <c r="O728" s="181"/>
    </row>
    <row r="729" spans="2:15" s="34" customFormat="1">
      <c r="B729" s="72"/>
      <c r="C729" s="144"/>
      <c r="D729" s="144"/>
      <c r="E729" s="31"/>
      <c r="F729" s="31"/>
      <c r="G729" s="164"/>
      <c r="H729" s="164"/>
      <c r="I729" s="164"/>
      <c r="J729" s="164"/>
      <c r="K729" s="164"/>
      <c r="L729" s="164"/>
      <c r="M729" s="181"/>
      <c r="N729" s="181"/>
      <c r="O729" s="181"/>
    </row>
    <row r="730" spans="2:15" s="34" customFormat="1">
      <c r="B730" s="72"/>
      <c r="C730" s="144"/>
      <c r="D730" s="144"/>
      <c r="E730" s="31"/>
      <c r="F730" s="31"/>
      <c r="G730" s="164"/>
      <c r="H730" s="164"/>
      <c r="I730" s="164"/>
      <c r="J730" s="164"/>
      <c r="K730" s="164"/>
      <c r="L730" s="164"/>
      <c r="M730" s="181"/>
      <c r="N730" s="181"/>
      <c r="O730" s="181"/>
    </row>
    <row r="731" spans="2:15" s="34" customFormat="1">
      <c r="B731" s="72"/>
      <c r="C731" s="144"/>
      <c r="D731" s="144"/>
      <c r="E731" s="31"/>
      <c r="F731" s="31"/>
      <c r="G731" s="164"/>
      <c r="H731" s="164"/>
      <c r="I731" s="164"/>
      <c r="J731" s="164"/>
      <c r="K731" s="164"/>
      <c r="L731" s="164"/>
      <c r="M731" s="181"/>
      <c r="N731" s="181"/>
      <c r="O731" s="181"/>
    </row>
    <row r="732" spans="2:15" s="34" customFormat="1">
      <c r="B732" s="72"/>
      <c r="C732" s="144"/>
      <c r="D732" s="144"/>
      <c r="E732" s="31"/>
      <c r="F732" s="31"/>
      <c r="G732" s="164"/>
      <c r="H732" s="164"/>
      <c r="I732" s="164"/>
      <c r="J732" s="164"/>
      <c r="K732" s="164"/>
      <c r="L732" s="164"/>
      <c r="M732" s="181"/>
      <c r="N732" s="181"/>
      <c r="O732" s="181"/>
    </row>
    <row r="733" spans="2:15" s="34" customFormat="1">
      <c r="B733" s="72"/>
      <c r="C733" s="144"/>
      <c r="D733" s="144"/>
      <c r="E733" s="31"/>
      <c r="F733" s="31"/>
      <c r="G733" s="164"/>
      <c r="H733" s="164"/>
      <c r="I733" s="164"/>
      <c r="J733" s="164"/>
      <c r="K733" s="164"/>
      <c r="L733" s="164"/>
      <c r="M733" s="181"/>
      <c r="N733" s="181"/>
      <c r="O733" s="181"/>
    </row>
    <row r="734" spans="2:15" s="34" customFormat="1">
      <c r="B734" s="72"/>
      <c r="C734" s="144"/>
      <c r="D734" s="144"/>
      <c r="E734" s="31"/>
      <c r="F734" s="31"/>
      <c r="G734" s="164"/>
      <c r="H734" s="164"/>
      <c r="I734" s="164"/>
      <c r="J734" s="164"/>
      <c r="K734" s="164"/>
      <c r="L734" s="164"/>
      <c r="M734" s="181"/>
      <c r="N734" s="181"/>
      <c r="O734" s="181"/>
    </row>
    <row r="735" spans="2:15" s="34" customFormat="1">
      <c r="B735" s="72"/>
      <c r="C735" s="144"/>
      <c r="D735" s="144"/>
      <c r="E735" s="31"/>
      <c r="F735" s="31"/>
      <c r="G735" s="164"/>
      <c r="H735" s="164"/>
      <c r="I735" s="164"/>
      <c r="J735" s="164"/>
      <c r="K735" s="164"/>
      <c r="L735" s="164"/>
      <c r="M735" s="181"/>
      <c r="N735" s="181"/>
      <c r="O735" s="181"/>
    </row>
    <row r="736" spans="2:15" s="34" customFormat="1">
      <c r="B736" s="72"/>
      <c r="C736" s="144"/>
      <c r="D736" s="144"/>
      <c r="E736" s="31"/>
      <c r="F736" s="31"/>
      <c r="G736" s="164"/>
      <c r="H736" s="164"/>
      <c r="I736" s="164"/>
      <c r="J736" s="164"/>
      <c r="K736" s="164"/>
      <c r="L736" s="164"/>
      <c r="M736" s="181"/>
      <c r="N736" s="181"/>
      <c r="O736" s="181"/>
    </row>
    <row r="737" spans="2:15" s="34" customFormat="1">
      <c r="B737" s="72"/>
      <c r="C737" s="144"/>
      <c r="D737" s="144"/>
      <c r="E737" s="31"/>
      <c r="F737" s="31"/>
      <c r="G737" s="164"/>
      <c r="H737" s="164"/>
      <c r="I737" s="164"/>
      <c r="J737" s="164"/>
      <c r="K737" s="164"/>
      <c r="L737" s="164"/>
      <c r="M737" s="181"/>
      <c r="N737" s="181"/>
      <c r="O737" s="181"/>
    </row>
    <row r="738" spans="2:15" s="34" customFormat="1">
      <c r="B738" s="72"/>
      <c r="C738" s="144"/>
      <c r="D738" s="144"/>
      <c r="E738" s="31"/>
      <c r="F738" s="31"/>
      <c r="G738" s="164"/>
      <c r="H738" s="164"/>
      <c r="I738" s="164"/>
      <c r="J738" s="164"/>
      <c r="K738" s="164"/>
      <c r="L738" s="164"/>
      <c r="M738" s="181"/>
      <c r="N738" s="181"/>
      <c r="O738" s="181"/>
    </row>
    <row r="739" spans="2:15" s="34" customFormat="1">
      <c r="B739" s="72"/>
      <c r="C739" s="144"/>
      <c r="D739" s="144"/>
      <c r="E739" s="31"/>
      <c r="F739" s="31"/>
      <c r="G739" s="164"/>
      <c r="H739" s="164"/>
      <c r="I739" s="164"/>
      <c r="J739" s="164"/>
      <c r="K739" s="164"/>
      <c r="L739" s="164"/>
      <c r="M739" s="181"/>
      <c r="N739" s="181"/>
      <c r="O739" s="181"/>
    </row>
    <row r="740" spans="2:15" s="34" customFormat="1">
      <c r="B740" s="72"/>
      <c r="C740" s="144"/>
      <c r="D740" s="144"/>
      <c r="E740" s="31"/>
      <c r="F740" s="31"/>
      <c r="G740" s="164"/>
      <c r="H740" s="164"/>
      <c r="I740" s="164"/>
      <c r="J740" s="164"/>
      <c r="K740" s="164"/>
      <c r="L740" s="164"/>
      <c r="M740" s="181"/>
      <c r="N740" s="181"/>
      <c r="O740" s="181"/>
    </row>
    <row r="741" spans="2:15" s="34" customFormat="1">
      <c r="B741" s="72"/>
      <c r="C741" s="144"/>
      <c r="D741" s="144"/>
      <c r="E741" s="31"/>
      <c r="F741" s="31"/>
      <c r="G741" s="164"/>
      <c r="H741" s="164"/>
      <c r="I741" s="164"/>
      <c r="J741" s="164"/>
      <c r="K741" s="164"/>
      <c r="L741" s="164"/>
      <c r="M741" s="181"/>
      <c r="N741" s="181"/>
      <c r="O741" s="181"/>
    </row>
    <row r="742" spans="2:15" s="34" customFormat="1">
      <c r="B742" s="72"/>
      <c r="C742" s="144"/>
      <c r="D742" s="144"/>
      <c r="E742" s="31"/>
      <c r="F742" s="31"/>
      <c r="G742" s="164"/>
      <c r="H742" s="164"/>
      <c r="I742" s="164"/>
      <c r="J742" s="164"/>
      <c r="K742" s="164"/>
      <c r="L742" s="164"/>
      <c r="M742" s="181"/>
      <c r="N742" s="181"/>
      <c r="O742" s="181"/>
    </row>
    <row r="743" spans="2:15" s="34" customFormat="1">
      <c r="B743" s="72"/>
      <c r="C743" s="144"/>
      <c r="D743" s="144"/>
      <c r="E743" s="31"/>
      <c r="F743" s="31"/>
      <c r="G743" s="164"/>
      <c r="H743" s="164"/>
      <c r="I743" s="164"/>
      <c r="J743" s="164"/>
      <c r="K743" s="164"/>
      <c r="L743" s="164"/>
      <c r="M743" s="181"/>
      <c r="N743" s="181"/>
      <c r="O743" s="181"/>
    </row>
    <row r="744" spans="2:15" s="34" customFormat="1">
      <c r="B744" s="72"/>
      <c r="C744" s="144"/>
      <c r="D744" s="144"/>
      <c r="E744" s="31"/>
      <c r="F744" s="31"/>
      <c r="G744" s="164"/>
      <c r="H744" s="164"/>
      <c r="I744" s="164"/>
      <c r="J744" s="164"/>
      <c r="K744" s="164"/>
      <c r="L744" s="164"/>
      <c r="M744" s="181"/>
      <c r="N744" s="181"/>
      <c r="O744" s="181"/>
    </row>
    <row r="745" spans="2:15" s="34" customFormat="1">
      <c r="B745" s="72"/>
      <c r="C745" s="144"/>
      <c r="D745" s="144"/>
      <c r="E745" s="31"/>
      <c r="F745" s="31"/>
      <c r="G745" s="164"/>
      <c r="H745" s="164"/>
      <c r="I745" s="164"/>
      <c r="J745" s="164"/>
      <c r="K745" s="164"/>
      <c r="L745" s="164"/>
      <c r="M745" s="181"/>
      <c r="N745" s="181"/>
      <c r="O745" s="181"/>
    </row>
    <row r="746" spans="2:15" s="34" customFormat="1">
      <c r="B746" s="72"/>
      <c r="C746" s="144"/>
      <c r="D746" s="144"/>
      <c r="E746" s="31"/>
      <c r="F746" s="31"/>
      <c r="G746" s="164"/>
      <c r="H746" s="164"/>
      <c r="I746" s="164"/>
      <c r="J746" s="164"/>
      <c r="K746" s="164"/>
      <c r="L746" s="164"/>
      <c r="M746" s="181"/>
      <c r="N746" s="181"/>
      <c r="O746" s="181"/>
    </row>
    <row r="747" spans="2:15" s="34" customFormat="1">
      <c r="B747" s="72"/>
      <c r="C747" s="144"/>
      <c r="D747" s="144"/>
      <c r="E747" s="31"/>
      <c r="F747" s="31"/>
      <c r="G747" s="164"/>
      <c r="H747" s="164"/>
      <c r="I747" s="164"/>
      <c r="J747" s="164"/>
      <c r="K747" s="164"/>
      <c r="L747" s="164"/>
      <c r="M747" s="181"/>
      <c r="N747" s="181"/>
      <c r="O747" s="181"/>
    </row>
    <row r="748" spans="2:15" s="34" customFormat="1">
      <c r="B748" s="72"/>
      <c r="C748" s="144"/>
      <c r="D748" s="144"/>
      <c r="E748" s="31"/>
      <c r="F748" s="31"/>
      <c r="G748" s="164"/>
      <c r="H748" s="164"/>
      <c r="I748" s="164"/>
      <c r="J748" s="164"/>
      <c r="K748" s="164"/>
      <c r="L748" s="164"/>
      <c r="M748" s="181"/>
      <c r="N748" s="181"/>
      <c r="O748" s="181"/>
    </row>
    <row r="749" spans="2:15" s="34" customFormat="1">
      <c r="B749" s="72"/>
      <c r="C749" s="144"/>
      <c r="D749" s="144"/>
      <c r="E749" s="31"/>
      <c r="F749" s="31"/>
      <c r="G749" s="164"/>
      <c r="H749" s="164"/>
      <c r="I749" s="164"/>
      <c r="J749" s="164"/>
      <c r="K749" s="164"/>
      <c r="L749" s="164"/>
      <c r="M749" s="181"/>
      <c r="N749" s="181"/>
      <c r="O749" s="181"/>
    </row>
    <row r="750" spans="2:15" s="34" customFormat="1">
      <c r="B750" s="72"/>
      <c r="C750" s="144"/>
      <c r="D750" s="144"/>
      <c r="E750" s="31"/>
      <c r="F750" s="31"/>
      <c r="G750" s="164"/>
      <c r="H750" s="164"/>
      <c r="I750" s="164"/>
      <c r="J750" s="164"/>
      <c r="K750" s="164"/>
      <c r="L750" s="164"/>
      <c r="M750" s="181"/>
      <c r="N750" s="181"/>
      <c r="O750" s="181"/>
    </row>
    <row r="751" spans="2:15" s="34" customFormat="1">
      <c r="B751" s="72"/>
      <c r="C751" s="144"/>
      <c r="D751" s="144"/>
      <c r="E751" s="31"/>
      <c r="F751" s="31"/>
      <c r="G751" s="164"/>
      <c r="H751" s="164"/>
      <c r="I751" s="164"/>
      <c r="J751" s="164"/>
      <c r="K751" s="164"/>
      <c r="L751" s="164"/>
      <c r="M751" s="181"/>
      <c r="N751" s="181"/>
      <c r="O751" s="181"/>
    </row>
    <row r="752" spans="2:15" s="34" customFormat="1">
      <c r="B752" s="72"/>
      <c r="C752" s="144"/>
      <c r="D752" s="144"/>
      <c r="E752" s="31"/>
      <c r="F752" s="31"/>
      <c r="G752" s="164"/>
      <c r="H752" s="164"/>
      <c r="I752" s="164"/>
      <c r="J752" s="164"/>
      <c r="K752" s="164"/>
      <c r="L752" s="164"/>
      <c r="M752" s="181"/>
      <c r="N752" s="181"/>
      <c r="O752" s="181"/>
    </row>
    <row r="753" spans="2:15" s="34" customFormat="1">
      <c r="B753" s="72"/>
      <c r="C753" s="144"/>
      <c r="D753" s="144"/>
      <c r="E753" s="31"/>
      <c r="F753" s="31"/>
      <c r="G753" s="164"/>
      <c r="H753" s="164"/>
      <c r="I753" s="164"/>
      <c r="J753" s="164"/>
      <c r="K753" s="164"/>
      <c r="L753" s="164"/>
      <c r="M753" s="181"/>
      <c r="N753" s="181"/>
      <c r="O753" s="181"/>
    </row>
    <row r="754" spans="2:15" s="34" customFormat="1">
      <c r="B754" s="72"/>
      <c r="C754" s="144"/>
      <c r="D754" s="144"/>
      <c r="E754" s="31"/>
      <c r="F754" s="31"/>
      <c r="G754" s="164"/>
      <c r="H754" s="164"/>
      <c r="I754" s="164"/>
      <c r="J754" s="164"/>
      <c r="K754" s="164"/>
      <c r="L754" s="164"/>
      <c r="M754" s="181"/>
      <c r="N754" s="181"/>
      <c r="O754" s="181"/>
    </row>
    <row r="755" spans="2:15" s="34" customFormat="1">
      <c r="B755" s="72"/>
      <c r="C755" s="144"/>
      <c r="D755" s="144"/>
      <c r="E755" s="31"/>
      <c r="F755" s="31"/>
      <c r="G755" s="164"/>
      <c r="H755" s="164"/>
      <c r="I755" s="164"/>
      <c r="J755" s="164"/>
      <c r="K755" s="164"/>
      <c r="L755" s="164"/>
      <c r="M755" s="181"/>
      <c r="N755" s="181"/>
      <c r="O755" s="181"/>
    </row>
    <row r="756" spans="2:15" s="34" customFormat="1">
      <c r="B756" s="72"/>
      <c r="C756" s="144"/>
      <c r="D756" s="144"/>
      <c r="E756" s="31"/>
      <c r="F756" s="31"/>
      <c r="G756" s="164"/>
      <c r="H756" s="164"/>
      <c r="I756" s="164"/>
      <c r="J756" s="164"/>
      <c r="K756" s="164"/>
      <c r="L756" s="164"/>
      <c r="M756" s="181"/>
      <c r="N756" s="181"/>
      <c r="O756" s="181"/>
    </row>
    <row r="757" spans="2:15" s="34" customFormat="1">
      <c r="B757" s="72"/>
      <c r="C757" s="144"/>
      <c r="D757" s="144"/>
      <c r="E757" s="31"/>
      <c r="F757" s="31"/>
      <c r="G757" s="164"/>
      <c r="H757" s="164"/>
      <c r="I757" s="164"/>
      <c r="J757" s="164"/>
      <c r="K757" s="164"/>
      <c r="L757" s="164"/>
      <c r="M757" s="181"/>
      <c r="N757" s="181"/>
      <c r="O757" s="181"/>
    </row>
    <row r="758" spans="2:15" s="34" customFormat="1">
      <c r="B758" s="72"/>
      <c r="C758" s="144"/>
      <c r="D758" s="144"/>
      <c r="E758" s="31"/>
      <c r="F758" s="31"/>
      <c r="G758" s="164"/>
      <c r="H758" s="164"/>
      <c r="I758" s="164"/>
      <c r="J758" s="164"/>
      <c r="K758" s="164"/>
      <c r="L758" s="164"/>
      <c r="M758" s="181"/>
      <c r="N758" s="181"/>
      <c r="O758" s="181"/>
    </row>
    <row r="759" spans="2:15" s="34" customFormat="1">
      <c r="B759" s="72"/>
      <c r="C759" s="144"/>
      <c r="D759" s="144"/>
      <c r="E759" s="31"/>
      <c r="F759" s="31"/>
      <c r="G759" s="164"/>
      <c r="H759" s="164"/>
      <c r="I759" s="164"/>
      <c r="J759" s="164"/>
      <c r="K759" s="164"/>
      <c r="L759" s="164"/>
      <c r="M759" s="181"/>
      <c r="N759" s="181"/>
      <c r="O759" s="181"/>
    </row>
    <row r="760" spans="2:15" s="34" customFormat="1">
      <c r="B760" s="72"/>
      <c r="C760" s="144"/>
      <c r="D760" s="144"/>
      <c r="E760" s="31"/>
      <c r="F760" s="31"/>
      <c r="G760" s="164"/>
      <c r="H760" s="164"/>
      <c r="I760" s="164"/>
      <c r="J760" s="164"/>
      <c r="K760" s="164"/>
      <c r="L760" s="164"/>
      <c r="M760" s="181"/>
      <c r="N760" s="181"/>
      <c r="O760" s="181"/>
    </row>
    <row r="761" spans="2:15" s="34" customFormat="1">
      <c r="B761" s="72"/>
      <c r="C761" s="144"/>
      <c r="D761" s="144"/>
      <c r="E761" s="31"/>
      <c r="F761" s="31"/>
      <c r="G761" s="164"/>
      <c r="H761" s="164"/>
      <c r="I761" s="164"/>
      <c r="J761" s="164"/>
      <c r="K761" s="164"/>
      <c r="L761" s="164"/>
      <c r="M761" s="181"/>
      <c r="N761" s="181"/>
      <c r="O761" s="181"/>
    </row>
    <row r="762" spans="2:15" s="34" customFormat="1">
      <c r="B762" s="72"/>
      <c r="C762" s="144"/>
      <c r="D762" s="144"/>
      <c r="E762" s="31"/>
      <c r="F762" s="31"/>
      <c r="G762" s="164"/>
      <c r="H762" s="164"/>
      <c r="I762" s="164"/>
      <c r="J762" s="164"/>
      <c r="K762" s="164"/>
      <c r="L762" s="164"/>
      <c r="M762" s="181"/>
      <c r="N762" s="181"/>
      <c r="O762" s="181"/>
    </row>
    <row r="763" spans="2:15" s="34" customFormat="1">
      <c r="B763" s="72"/>
      <c r="C763" s="144"/>
      <c r="D763" s="144"/>
      <c r="E763" s="31"/>
      <c r="F763" s="31"/>
      <c r="G763" s="164"/>
      <c r="H763" s="164"/>
      <c r="I763" s="164"/>
      <c r="J763" s="164"/>
      <c r="K763" s="164"/>
      <c r="L763" s="164"/>
      <c r="M763" s="181"/>
      <c r="N763" s="181"/>
      <c r="O763" s="181"/>
    </row>
    <row r="764" spans="2:15" s="34" customFormat="1">
      <c r="B764" s="72"/>
      <c r="C764" s="144"/>
      <c r="D764" s="144"/>
      <c r="E764" s="31"/>
      <c r="F764" s="31"/>
      <c r="G764" s="164"/>
      <c r="H764" s="164"/>
      <c r="I764" s="164"/>
      <c r="J764" s="164"/>
      <c r="K764" s="164"/>
      <c r="L764" s="164"/>
      <c r="M764" s="181"/>
      <c r="N764" s="181"/>
      <c r="O764" s="181"/>
    </row>
    <row r="765" spans="2:15" s="34" customFormat="1">
      <c r="B765" s="72"/>
      <c r="C765" s="144"/>
      <c r="D765" s="144"/>
      <c r="E765" s="31"/>
      <c r="F765" s="31"/>
      <c r="G765" s="164"/>
      <c r="H765" s="164"/>
      <c r="I765" s="164"/>
      <c r="J765" s="164"/>
      <c r="K765" s="164"/>
      <c r="L765" s="164"/>
      <c r="M765" s="181"/>
      <c r="N765" s="181"/>
      <c r="O765" s="181"/>
    </row>
    <row r="766" spans="2:15" s="34" customFormat="1">
      <c r="B766" s="72"/>
      <c r="C766" s="144"/>
      <c r="D766" s="144"/>
      <c r="E766" s="31"/>
      <c r="F766" s="31"/>
      <c r="G766" s="164"/>
      <c r="H766" s="164"/>
      <c r="I766" s="164"/>
      <c r="J766" s="164"/>
      <c r="K766" s="164"/>
      <c r="L766" s="164"/>
      <c r="M766" s="181"/>
      <c r="N766" s="181"/>
      <c r="O766" s="181"/>
    </row>
    <row r="767" spans="2:15" s="34" customFormat="1">
      <c r="B767" s="72"/>
      <c r="C767" s="144"/>
      <c r="D767" s="144"/>
      <c r="E767" s="31"/>
      <c r="F767" s="31"/>
      <c r="G767" s="164"/>
      <c r="H767" s="164"/>
      <c r="I767" s="164"/>
      <c r="J767" s="164"/>
      <c r="K767" s="164"/>
      <c r="L767" s="164"/>
      <c r="M767" s="181"/>
      <c r="N767" s="181"/>
      <c r="O767" s="181"/>
    </row>
    <row r="768" spans="2:15" s="34" customFormat="1">
      <c r="B768" s="72"/>
      <c r="C768" s="144"/>
      <c r="D768" s="144"/>
      <c r="E768" s="31"/>
      <c r="F768" s="31"/>
      <c r="G768" s="164"/>
      <c r="H768" s="164"/>
      <c r="I768" s="164"/>
      <c r="J768" s="164"/>
      <c r="K768" s="164"/>
      <c r="L768" s="164"/>
      <c r="M768" s="181"/>
      <c r="N768" s="181"/>
      <c r="O768" s="181"/>
    </row>
    <row r="769" spans="2:15" s="34" customFormat="1">
      <c r="B769" s="72"/>
      <c r="C769" s="144"/>
      <c r="D769" s="144"/>
      <c r="E769" s="31"/>
      <c r="F769" s="31"/>
      <c r="G769" s="164"/>
      <c r="H769" s="164"/>
      <c r="I769" s="164"/>
      <c r="J769" s="164"/>
      <c r="K769" s="164"/>
      <c r="L769" s="164"/>
      <c r="M769" s="181"/>
      <c r="N769" s="181"/>
      <c r="O769" s="181"/>
    </row>
    <row r="770" spans="2:15" s="34" customFormat="1">
      <c r="B770" s="72"/>
      <c r="C770" s="144"/>
      <c r="D770" s="144"/>
      <c r="E770" s="31"/>
      <c r="F770" s="31"/>
      <c r="G770" s="164"/>
      <c r="H770" s="164"/>
      <c r="I770" s="164"/>
      <c r="J770" s="164"/>
      <c r="K770" s="164"/>
      <c r="L770" s="164"/>
      <c r="M770" s="181"/>
      <c r="N770" s="181"/>
      <c r="O770" s="181"/>
    </row>
    <row r="771" spans="2:15" s="34" customFormat="1">
      <c r="B771" s="72"/>
      <c r="C771" s="144"/>
      <c r="D771" s="144"/>
      <c r="E771" s="31"/>
      <c r="F771" s="31"/>
      <c r="G771" s="164"/>
      <c r="H771" s="164"/>
      <c r="I771" s="164"/>
      <c r="J771" s="164"/>
      <c r="K771" s="164"/>
      <c r="L771" s="164"/>
      <c r="M771" s="181"/>
      <c r="N771" s="181"/>
      <c r="O771" s="181"/>
    </row>
    <row r="772" spans="2:15" s="34" customFormat="1">
      <c r="B772" s="72"/>
      <c r="C772" s="144"/>
      <c r="D772" s="144"/>
      <c r="E772" s="31"/>
      <c r="F772" s="31"/>
      <c r="G772" s="164"/>
      <c r="H772" s="164"/>
      <c r="I772" s="164"/>
      <c r="J772" s="164"/>
      <c r="K772" s="164"/>
      <c r="L772" s="164"/>
      <c r="M772" s="181"/>
      <c r="N772" s="181"/>
      <c r="O772" s="181"/>
    </row>
    <row r="773" spans="2:15" s="34" customFormat="1">
      <c r="B773" s="72"/>
      <c r="C773" s="144"/>
      <c r="D773" s="144"/>
      <c r="E773" s="31"/>
      <c r="F773" s="31"/>
      <c r="G773" s="164"/>
      <c r="H773" s="164"/>
      <c r="I773" s="164"/>
      <c r="J773" s="164"/>
      <c r="K773" s="164"/>
      <c r="L773" s="164"/>
      <c r="M773" s="181"/>
      <c r="N773" s="181"/>
      <c r="O773" s="181"/>
    </row>
    <row r="774" spans="2:15" s="34" customFormat="1">
      <c r="B774" s="72"/>
      <c r="C774" s="144"/>
      <c r="D774" s="144"/>
      <c r="E774" s="31"/>
      <c r="F774" s="31"/>
      <c r="G774" s="164"/>
      <c r="H774" s="164"/>
      <c r="I774" s="164"/>
      <c r="J774" s="164"/>
      <c r="K774" s="164"/>
      <c r="L774" s="164"/>
      <c r="M774" s="181"/>
      <c r="N774" s="181"/>
      <c r="O774" s="181"/>
    </row>
    <row r="775" spans="2:15" s="34" customFormat="1">
      <c r="B775" s="72"/>
      <c r="C775" s="144"/>
      <c r="D775" s="144"/>
      <c r="E775" s="31"/>
      <c r="F775" s="31"/>
      <c r="G775" s="164"/>
      <c r="H775" s="164"/>
      <c r="I775" s="164"/>
      <c r="J775" s="164"/>
      <c r="K775" s="164"/>
      <c r="L775" s="164"/>
      <c r="M775" s="181"/>
      <c r="N775" s="181"/>
      <c r="O775" s="181"/>
    </row>
    <row r="776" spans="2:15" s="34" customFormat="1">
      <c r="B776" s="72"/>
      <c r="C776" s="144"/>
      <c r="D776" s="144"/>
      <c r="E776" s="31"/>
      <c r="F776" s="31"/>
      <c r="G776" s="164"/>
      <c r="H776" s="164"/>
      <c r="I776" s="164"/>
      <c r="J776" s="164"/>
      <c r="K776" s="164"/>
      <c r="L776" s="164"/>
      <c r="M776" s="181"/>
      <c r="N776" s="181"/>
      <c r="O776" s="181"/>
    </row>
    <row r="777" spans="2:15" s="34" customFormat="1">
      <c r="B777" s="72"/>
      <c r="C777" s="144"/>
      <c r="D777" s="144"/>
      <c r="E777" s="31"/>
      <c r="F777" s="31"/>
      <c r="G777" s="164"/>
      <c r="H777" s="164"/>
      <c r="I777" s="164"/>
      <c r="J777" s="164"/>
      <c r="K777" s="164"/>
      <c r="L777" s="164"/>
      <c r="M777" s="181"/>
      <c r="N777" s="181"/>
      <c r="O777" s="181"/>
    </row>
    <row r="778" spans="2:15" s="34" customFormat="1">
      <c r="B778" s="72"/>
      <c r="C778" s="144"/>
      <c r="D778" s="144"/>
      <c r="E778" s="31"/>
      <c r="F778" s="31"/>
      <c r="G778" s="164"/>
      <c r="H778" s="164"/>
      <c r="I778" s="164"/>
      <c r="J778" s="164"/>
      <c r="K778" s="164"/>
      <c r="L778" s="164"/>
      <c r="M778" s="181"/>
      <c r="N778" s="181"/>
      <c r="O778" s="181"/>
    </row>
    <row r="779" spans="2:15" s="34" customFormat="1">
      <c r="B779" s="72"/>
      <c r="C779" s="144"/>
      <c r="D779" s="144"/>
      <c r="E779" s="31"/>
      <c r="F779" s="31"/>
      <c r="G779" s="164"/>
      <c r="H779" s="164"/>
      <c r="I779" s="164"/>
      <c r="J779" s="164"/>
      <c r="K779" s="164"/>
      <c r="L779" s="164"/>
      <c r="M779" s="181"/>
      <c r="N779" s="181"/>
      <c r="O779" s="181"/>
    </row>
    <row r="780" spans="2:15" s="34" customFormat="1">
      <c r="B780" s="72"/>
      <c r="C780" s="144"/>
      <c r="D780" s="144"/>
      <c r="E780" s="31"/>
      <c r="F780" s="31"/>
      <c r="G780" s="164"/>
      <c r="H780" s="164"/>
      <c r="I780" s="164"/>
      <c r="J780" s="164"/>
      <c r="K780" s="164"/>
      <c r="L780" s="164"/>
      <c r="M780" s="181"/>
      <c r="N780" s="181"/>
      <c r="O780" s="181"/>
    </row>
    <row r="781" spans="2:15" s="34" customFormat="1">
      <c r="B781" s="72"/>
      <c r="C781" s="144"/>
      <c r="D781" s="144"/>
      <c r="E781" s="31"/>
      <c r="F781" s="31"/>
      <c r="G781" s="164"/>
      <c r="H781" s="164"/>
      <c r="I781" s="164"/>
      <c r="J781" s="164"/>
      <c r="K781" s="164"/>
      <c r="L781" s="164"/>
      <c r="M781" s="181"/>
      <c r="N781" s="181"/>
      <c r="O781" s="181"/>
    </row>
    <row r="782" spans="2:15" s="34" customFormat="1">
      <c r="B782" s="72"/>
      <c r="C782" s="144"/>
      <c r="D782" s="144"/>
      <c r="E782" s="31"/>
      <c r="F782" s="31"/>
      <c r="G782" s="164"/>
      <c r="H782" s="164"/>
      <c r="I782" s="164"/>
      <c r="J782" s="164"/>
      <c r="K782" s="164"/>
      <c r="L782" s="164"/>
      <c r="M782" s="181"/>
      <c r="N782" s="181"/>
      <c r="O782" s="181"/>
    </row>
    <row r="783" spans="2:15" s="34" customFormat="1">
      <c r="B783" s="72"/>
      <c r="C783" s="144"/>
      <c r="D783" s="144"/>
      <c r="E783" s="31"/>
      <c r="F783" s="31"/>
      <c r="G783" s="164"/>
      <c r="H783" s="164"/>
      <c r="I783" s="164"/>
      <c r="J783" s="164"/>
      <c r="K783" s="164"/>
      <c r="L783" s="164"/>
      <c r="M783" s="181"/>
      <c r="N783" s="181"/>
      <c r="O783" s="181"/>
    </row>
    <row r="784" spans="2:15" s="34" customFormat="1">
      <c r="B784" s="72"/>
      <c r="C784" s="144"/>
      <c r="D784" s="144"/>
      <c r="E784" s="31"/>
      <c r="F784" s="31"/>
      <c r="G784" s="164"/>
      <c r="H784" s="164"/>
      <c r="I784" s="164"/>
      <c r="J784" s="164"/>
      <c r="K784" s="164"/>
      <c r="L784" s="164"/>
      <c r="M784" s="181"/>
      <c r="N784" s="181"/>
      <c r="O784" s="181"/>
    </row>
    <row r="785" spans="2:15" s="34" customFormat="1">
      <c r="B785" s="72"/>
      <c r="C785" s="144"/>
      <c r="D785" s="144"/>
      <c r="E785" s="31"/>
      <c r="F785" s="31"/>
      <c r="G785" s="164"/>
      <c r="H785" s="164"/>
      <c r="I785" s="164"/>
      <c r="J785" s="164"/>
      <c r="K785" s="164"/>
      <c r="L785" s="164"/>
      <c r="M785" s="181"/>
      <c r="N785" s="181"/>
      <c r="O785" s="181"/>
    </row>
    <row r="786" spans="2:15" s="34" customFormat="1">
      <c r="B786" s="72"/>
      <c r="C786" s="144"/>
      <c r="D786" s="144"/>
      <c r="E786" s="31"/>
      <c r="F786" s="31"/>
      <c r="G786" s="164"/>
      <c r="H786" s="164"/>
      <c r="I786" s="164"/>
      <c r="J786" s="164"/>
      <c r="K786" s="164"/>
      <c r="L786" s="164"/>
      <c r="M786" s="181"/>
      <c r="N786" s="181"/>
      <c r="O786" s="181"/>
    </row>
    <row r="787" spans="2:15" s="34" customFormat="1">
      <c r="B787" s="72"/>
      <c r="C787" s="144"/>
      <c r="D787" s="144"/>
      <c r="E787" s="31"/>
      <c r="F787" s="31"/>
      <c r="G787" s="164"/>
      <c r="H787" s="164"/>
      <c r="I787" s="164"/>
      <c r="J787" s="164"/>
      <c r="K787" s="164"/>
      <c r="L787" s="164"/>
      <c r="M787" s="181"/>
      <c r="N787" s="181"/>
      <c r="O787" s="181"/>
    </row>
    <row r="788" spans="2:15" s="34" customFormat="1">
      <c r="B788" s="72"/>
      <c r="C788" s="144"/>
      <c r="D788" s="144"/>
      <c r="E788" s="31"/>
      <c r="F788" s="31"/>
      <c r="G788" s="164"/>
      <c r="H788" s="164"/>
      <c r="I788" s="164"/>
      <c r="J788" s="164"/>
      <c r="K788" s="164"/>
      <c r="L788" s="164"/>
      <c r="M788" s="181"/>
      <c r="N788" s="181"/>
      <c r="O788" s="181"/>
    </row>
    <row r="789" spans="2:15" s="34" customFormat="1">
      <c r="B789" s="72"/>
      <c r="C789" s="144"/>
      <c r="D789" s="144"/>
      <c r="E789" s="31"/>
      <c r="F789" s="31"/>
      <c r="G789" s="164"/>
      <c r="H789" s="164"/>
      <c r="I789" s="164"/>
      <c r="J789" s="164"/>
      <c r="K789" s="164"/>
      <c r="L789" s="164"/>
      <c r="M789" s="181"/>
      <c r="N789" s="181"/>
      <c r="O789" s="181"/>
    </row>
    <row r="790" spans="2:15" s="34" customFormat="1">
      <c r="B790" s="72"/>
      <c r="C790" s="144"/>
      <c r="D790" s="144"/>
      <c r="E790" s="31"/>
      <c r="F790" s="31"/>
      <c r="G790" s="164"/>
      <c r="H790" s="164"/>
      <c r="I790" s="164"/>
      <c r="J790" s="164"/>
      <c r="K790" s="164"/>
      <c r="L790" s="164"/>
      <c r="M790" s="181"/>
      <c r="N790" s="181"/>
      <c r="O790" s="181"/>
    </row>
    <row r="791" spans="2:15" s="34" customFormat="1">
      <c r="B791" s="72"/>
      <c r="C791" s="144"/>
      <c r="D791" s="144"/>
      <c r="E791" s="31"/>
      <c r="F791" s="31"/>
      <c r="G791" s="164"/>
      <c r="H791" s="164"/>
      <c r="I791" s="164"/>
      <c r="J791" s="164"/>
      <c r="K791" s="164"/>
      <c r="L791" s="164"/>
      <c r="M791" s="181"/>
      <c r="N791" s="181"/>
      <c r="O791" s="181"/>
    </row>
    <row r="792" spans="2:15" s="34" customFormat="1">
      <c r="B792" s="72"/>
      <c r="C792" s="144"/>
      <c r="D792" s="144"/>
      <c r="E792" s="31"/>
      <c r="F792" s="31"/>
      <c r="G792" s="164"/>
      <c r="H792" s="164"/>
      <c r="I792" s="164"/>
      <c r="J792" s="164"/>
      <c r="K792" s="164"/>
      <c r="L792" s="164"/>
      <c r="M792" s="181"/>
      <c r="N792" s="181"/>
      <c r="O792" s="181"/>
    </row>
    <row r="793" spans="2:15" s="34" customFormat="1">
      <c r="B793" s="72"/>
      <c r="C793" s="144"/>
      <c r="D793" s="144"/>
      <c r="E793" s="31"/>
      <c r="F793" s="31"/>
      <c r="G793" s="164"/>
      <c r="H793" s="164"/>
      <c r="I793" s="164"/>
      <c r="J793" s="164"/>
      <c r="K793" s="164"/>
      <c r="L793" s="164"/>
      <c r="M793" s="181"/>
      <c r="N793" s="181"/>
      <c r="O793" s="181"/>
    </row>
    <row r="794" spans="2:15" s="34" customFormat="1">
      <c r="B794" s="72"/>
      <c r="C794" s="144"/>
      <c r="D794" s="144"/>
      <c r="E794" s="31"/>
      <c r="F794" s="31"/>
      <c r="G794" s="164"/>
      <c r="H794" s="164"/>
      <c r="I794" s="164"/>
      <c r="J794" s="164"/>
      <c r="K794" s="164"/>
      <c r="L794" s="164"/>
      <c r="M794" s="181"/>
      <c r="N794" s="181"/>
      <c r="O794" s="181"/>
    </row>
    <row r="795" spans="2:15" s="34" customFormat="1">
      <c r="B795" s="72"/>
      <c r="C795" s="144"/>
      <c r="D795" s="144"/>
      <c r="E795" s="31"/>
      <c r="F795" s="31"/>
      <c r="G795" s="164"/>
      <c r="H795" s="164"/>
      <c r="I795" s="164"/>
      <c r="J795" s="164"/>
      <c r="K795" s="164"/>
      <c r="L795" s="164"/>
      <c r="M795" s="181"/>
      <c r="N795" s="181"/>
      <c r="O795" s="181"/>
    </row>
    <row r="796" spans="2:15" s="34" customFormat="1">
      <c r="B796" s="72"/>
      <c r="C796" s="144"/>
      <c r="D796" s="144"/>
      <c r="E796" s="31"/>
      <c r="F796" s="31"/>
      <c r="G796" s="164"/>
      <c r="H796" s="164"/>
      <c r="I796" s="164"/>
      <c r="J796" s="164"/>
      <c r="K796" s="164"/>
      <c r="L796" s="164"/>
      <c r="M796" s="181"/>
      <c r="N796" s="181"/>
      <c r="O796" s="181"/>
    </row>
    <row r="797" spans="2:15" s="34" customFormat="1">
      <c r="B797" s="72"/>
      <c r="C797" s="144"/>
      <c r="D797" s="144"/>
      <c r="E797" s="31"/>
      <c r="F797" s="31"/>
      <c r="G797" s="164"/>
      <c r="H797" s="164"/>
      <c r="I797" s="164"/>
      <c r="J797" s="164"/>
      <c r="K797" s="164"/>
      <c r="L797" s="164"/>
      <c r="M797" s="181"/>
      <c r="N797" s="181"/>
      <c r="O797" s="181"/>
    </row>
    <row r="798" spans="2:15" s="34" customFormat="1">
      <c r="B798" s="72"/>
      <c r="C798" s="144"/>
      <c r="D798" s="144"/>
      <c r="E798" s="31"/>
      <c r="F798" s="31"/>
      <c r="G798" s="164"/>
      <c r="H798" s="164"/>
      <c r="I798" s="164"/>
      <c r="J798" s="164"/>
      <c r="K798" s="164"/>
      <c r="L798" s="164"/>
      <c r="M798" s="181"/>
      <c r="N798" s="181"/>
      <c r="O798" s="181"/>
    </row>
    <row r="799" spans="2:15" s="34" customFormat="1">
      <c r="B799" s="72"/>
      <c r="C799" s="144"/>
      <c r="D799" s="144"/>
      <c r="E799" s="31"/>
      <c r="F799" s="31"/>
      <c r="G799" s="164"/>
      <c r="H799" s="164"/>
      <c r="I799" s="164"/>
      <c r="J799" s="164"/>
      <c r="K799" s="164"/>
      <c r="L799" s="164"/>
      <c r="M799" s="181"/>
      <c r="N799" s="181"/>
      <c r="O799" s="181"/>
    </row>
    <row r="800" spans="2:15" s="34" customFormat="1">
      <c r="B800" s="72"/>
      <c r="C800" s="144"/>
      <c r="D800" s="144"/>
      <c r="E800" s="31"/>
      <c r="F800" s="31"/>
      <c r="G800" s="164"/>
      <c r="H800" s="164"/>
      <c r="I800" s="164"/>
      <c r="J800" s="164"/>
      <c r="K800" s="164"/>
      <c r="L800" s="164"/>
      <c r="M800" s="181"/>
      <c r="N800" s="181"/>
      <c r="O800" s="181"/>
    </row>
    <row r="801" spans="2:15" s="34" customFormat="1">
      <c r="B801" s="72"/>
      <c r="C801" s="144"/>
      <c r="D801" s="144"/>
      <c r="E801" s="31"/>
      <c r="F801" s="31"/>
      <c r="G801" s="164"/>
      <c r="H801" s="164"/>
      <c r="I801" s="164"/>
      <c r="J801" s="164"/>
      <c r="K801" s="164"/>
      <c r="L801" s="164"/>
      <c r="M801" s="181"/>
      <c r="N801" s="181"/>
      <c r="O801" s="181"/>
    </row>
    <row r="802" spans="2:15" s="34" customFormat="1">
      <c r="B802" s="72"/>
      <c r="C802" s="144"/>
      <c r="D802" s="144"/>
      <c r="E802" s="31"/>
      <c r="F802" s="31"/>
      <c r="G802" s="164"/>
      <c r="H802" s="164"/>
      <c r="I802" s="164"/>
      <c r="J802" s="164"/>
      <c r="K802" s="164"/>
      <c r="L802" s="164"/>
      <c r="M802" s="181"/>
      <c r="N802" s="181"/>
      <c r="O802" s="181"/>
    </row>
    <row r="803" spans="2:15" s="34" customFormat="1">
      <c r="B803" s="72"/>
      <c r="C803" s="144"/>
      <c r="D803" s="144"/>
      <c r="E803" s="31"/>
      <c r="F803" s="31"/>
      <c r="G803" s="164"/>
      <c r="H803" s="164"/>
      <c r="I803" s="164"/>
      <c r="J803" s="164"/>
      <c r="K803" s="164"/>
      <c r="L803" s="164"/>
      <c r="M803" s="181"/>
      <c r="N803" s="181"/>
      <c r="O803" s="181"/>
    </row>
    <row r="804" spans="2:15" s="34" customFormat="1">
      <c r="B804" s="72"/>
      <c r="C804" s="144"/>
      <c r="D804" s="144"/>
      <c r="E804" s="31"/>
      <c r="F804" s="31"/>
      <c r="G804" s="164"/>
      <c r="H804" s="164"/>
      <c r="I804" s="164"/>
      <c r="J804" s="164"/>
      <c r="K804" s="164"/>
      <c r="L804" s="164"/>
      <c r="M804" s="181"/>
      <c r="N804" s="181"/>
      <c r="O804" s="181"/>
    </row>
    <row r="805" spans="2:15" s="34" customFormat="1">
      <c r="B805" s="72"/>
      <c r="C805" s="144"/>
      <c r="D805" s="144"/>
      <c r="E805" s="31"/>
      <c r="F805" s="31"/>
      <c r="G805" s="164"/>
      <c r="H805" s="164"/>
      <c r="I805" s="164"/>
      <c r="J805" s="164"/>
      <c r="K805" s="164"/>
      <c r="L805" s="164"/>
      <c r="M805" s="181"/>
      <c r="N805" s="181"/>
      <c r="O805" s="181"/>
    </row>
    <row r="806" spans="2:15" s="34" customFormat="1">
      <c r="B806" s="72"/>
      <c r="C806" s="144"/>
      <c r="D806" s="144"/>
      <c r="E806" s="31"/>
      <c r="F806" s="31"/>
      <c r="G806" s="164"/>
      <c r="H806" s="164"/>
      <c r="I806" s="164"/>
      <c r="J806" s="164"/>
      <c r="K806" s="164"/>
      <c r="L806" s="164"/>
      <c r="M806" s="181"/>
      <c r="N806" s="181"/>
      <c r="O806" s="181"/>
    </row>
    <row r="807" spans="2:15" s="34" customFormat="1">
      <c r="B807" s="72"/>
      <c r="C807" s="144"/>
      <c r="D807" s="144"/>
      <c r="E807" s="31"/>
      <c r="F807" s="31"/>
      <c r="G807" s="164"/>
      <c r="H807" s="164"/>
      <c r="I807" s="164"/>
      <c r="J807" s="164"/>
      <c r="K807" s="164"/>
      <c r="L807" s="164"/>
      <c r="M807" s="181"/>
      <c r="N807" s="181"/>
      <c r="O807" s="181"/>
    </row>
    <row r="808" spans="2:15" s="34" customFormat="1">
      <c r="B808" s="72"/>
      <c r="C808" s="144"/>
      <c r="D808" s="144"/>
      <c r="E808" s="31"/>
      <c r="F808" s="31"/>
      <c r="G808" s="164"/>
      <c r="H808" s="164"/>
      <c r="I808" s="164"/>
      <c r="J808" s="164"/>
      <c r="K808" s="164"/>
      <c r="L808" s="164"/>
      <c r="M808" s="181"/>
      <c r="N808" s="181"/>
      <c r="O808" s="181"/>
    </row>
    <row r="809" spans="2:15" s="34" customFormat="1">
      <c r="B809" s="72"/>
      <c r="C809" s="144"/>
      <c r="D809" s="144"/>
      <c r="E809" s="31"/>
      <c r="F809" s="31"/>
      <c r="G809" s="164"/>
      <c r="H809" s="164"/>
      <c r="I809" s="164"/>
      <c r="J809" s="164"/>
      <c r="K809" s="164"/>
      <c r="L809" s="164"/>
      <c r="M809" s="181"/>
      <c r="N809" s="181"/>
      <c r="O809" s="181"/>
    </row>
    <row r="810" spans="2:15" s="34" customFormat="1">
      <c r="B810" s="72"/>
      <c r="C810" s="144"/>
      <c r="D810" s="144"/>
      <c r="E810" s="31"/>
      <c r="F810" s="31"/>
      <c r="G810" s="164"/>
      <c r="H810" s="164"/>
      <c r="I810" s="164"/>
      <c r="J810" s="164"/>
      <c r="K810" s="164"/>
      <c r="L810" s="164"/>
      <c r="M810" s="181"/>
      <c r="N810" s="181"/>
      <c r="O810" s="181"/>
    </row>
    <row r="811" spans="2:15" s="34" customFormat="1">
      <c r="B811" s="72"/>
      <c r="C811" s="144"/>
      <c r="D811" s="144"/>
      <c r="E811" s="31"/>
      <c r="F811" s="31"/>
      <c r="G811" s="164"/>
      <c r="H811" s="164"/>
      <c r="I811" s="164"/>
      <c r="J811" s="164"/>
      <c r="K811" s="164"/>
      <c r="L811" s="164"/>
      <c r="M811" s="181"/>
      <c r="N811" s="181"/>
      <c r="O811" s="181"/>
    </row>
    <row r="812" spans="2:15" s="34" customFormat="1">
      <c r="B812" s="72"/>
      <c r="C812" s="144"/>
      <c r="D812" s="144"/>
      <c r="E812" s="31"/>
      <c r="F812" s="31"/>
      <c r="G812" s="164"/>
      <c r="H812" s="164"/>
      <c r="I812" s="164"/>
      <c r="J812" s="164"/>
      <c r="K812" s="164"/>
      <c r="L812" s="164"/>
      <c r="M812" s="181"/>
      <c r="N812" s="181"/>
      <c r="O812" s="181"/>
    </row>
    <row r="813" spans="2:15" s="34" customFormat="1">
      <c r="B813" s="72"/>
      <c r="C813" s="144"/>
      <c r="D813" s="144"/>
      <c r="E813" s="31"/>
      <c r="F813" s="31"/>
      <c r="G813" s="164"/>
      <c r="H813" s="164"/>
      <c r="I813" s="164"/>
      <c r="J813" s="164"/>
      <c r="K813" s="164"/>
      <c r="L813" s="164"/>
      <c r="M813" s="181"/>
      <c r="N813" s="181"/>
      <c r="O813" s="181"/>
    </row>
    <row r="814" spans="2:15" s="34" customFormat="1">
      <c r="B814" s="72"/>
      <c r="C814" s="144"/>
      <c r="D814" s="144"/>
      <c r="E814" s="31"/>
      <c r="F814" s="31"/>
      <c r="G814" s="164"/>
      <c r="H814" s="164"/>
      <c r="I814" s="164"/>
      <c r="J814" s="164"/>
      <c r="K814" s="164"/>
      <c r="L814" s="164"/>
      <c r="M814" s="181"/>
      <c r="N814" s="181"/>
      <c r="O814" s="181"/>
    </row>
    <row r="815" spans="2:15" s="34" customFormat="1">
      <c r="B815" s="72"/>
      <c r="C815" s="144"/>
      <c r="D815" s="144"/>
      <c r="E815" s="31"/>
      <c r="F815" s="31"/>
      <c r="G815" s="164"/>
      <c r="H815" s="164"/>
      <c r="I815" s="164"/>
      <c r="J815" s="164"/>
      <c r="K815" s="164"/>
      <c r="L815" s="164"/>
      <c r="M815" s="181"/>
      <c r="N815" s="181"/>
      <c r="O815" s="181"/>
    </row>
    <row r="816" spans="2:15" s="34" customFormat="1">
      <c r="B816" s="72"/>
      <c r="C816" s="144"/>
      <c r="D816" s="144"/>
      <c r="E816" s="31"/>
      <c r="F816" s="31"/>
      <c r="G816" s="164"/>
      <c r="H816" s="164"/>
      <c r="I816" s="164"/>
      <c r="J816" s="164"/>
      <c r="K816" s="164"/>
      <c r="L816" s="164"/>
      <c r="M816" s="181"/>
      <c r="N816" s="181"/>
      <c r="O816" s="181"/>
    </row>
    <row r="817" spans="2:15" s="34" customFormat="1">
      <c r="B817" s="72"/>
      <c r="C817" s="144"/>
      <c r="D817" s="144"/>
      <c r="E817" s="31"/>
      <c r="F817" s="31"/>
      <c r="G817" s="164"/>
      <c r="H817" s="164"/>
      <c r="I817" s="164"/>
      <c r="J817" s="164"/>
      <c r="K817" s="164"/>
      <c r="L817" s="164"/>
      <c r="M817" s="181"/>
      <c r="N817" s="181"/>
      <c r="O817" s="181"/>
    </row>
    <row r="818" spans="2:15" s="34" customFormat="1">
      <c r="B818" s="72"/>
      <c r="C818" s="144"/>
      <c r="D818" s="144"/>
      <c r="E818" s="31"/>
      <c r="F818" s="31"/>
      <c r="G818" s="164"/>
      <c r="H818" s="164"/>
      <c r="I818" s="164"/>
      <c r="J818" s="164"/>
      <c r="K818" s="164"/>
      <c r="L818" s="164"/>
      <c r="M818" s="181"/>
      <c r="N818" s="181"/>
      <c r="O818" s="181"/>
    </row>
    <row r="819" spans="2:15" s="34" customFormat="1">
      <c r="B819" s="72"/>
      <c r="C819" s="144"/>
      <c r="D819" s="144"/>
      <c r="E819" s="31"/>
      <c r="F819" s="31"/>
      <c r="G819" s="164"/>
      <c r="H819" s="164"/>
      <c r="I819" s="164"/>
      <c r="J819" s="164"/>
      <c r="K819" s="164"/>
      <c r="L819" s="164"/>
      <c r="M819" s="181"/>
      <c r="N819" s="181"/>
      <c r="O819" s="181"/>
    </row>
    <row r="820" spans="2:15" s="34" customFormat="1">
      <c r="B820" s="72"/>
      <c r="C820" s="144"/>
      <c r="D820" s="144"/>
      <c r="E820" s="31"/>
      <c r="F820" s="31"/>
      <c r="G820" s="164"/>
      <c r="H820" s="164"/>
      <c r="I820" s="164"/>
      <c r="J820" s="164"/>
      <c r="K820" s="164"/>
      <c r="L820" s="164"/>
      <c r="M820" s="181"/>
      <c r="N820" s="181"/>
      <c r="O820" s="181"/>
    </row>
    <row r="821" spans="2:15" s="34" customFormat="1">
      <c r="B821" s="72"/>
      <c r="C821" s="144"/>
      <c r="D821" s="144"/>
      <c r="E821" s="31"/>
      <c r="F821" s="31"/>
      <c r="G821" s="164"/>
      <c r="H821" s="164"/>
      <c r="I821" s="164"/>
      <c r="J821" s="164"/>
      <c r="K821" s="164"/>
      <c r="L821" s="164"/>
      <c r="M821" s="181"/>
      <c r="N821" s="181"/>
      <c r="O821" s="181"/>
    </row>
    <row r="822" spans="2:15" s="34" customFormat="1">
      <c r="B822" s="72"/>
      <c r="C822" s="144"/>
      <c r="D822" s="144"/>
      <c r="E822" s="31"/>
      <c r="F822" s="31"/>
      <c r="G822" s="164"/>
      <c r="H822" s="164"/>
      <c r="I822" s="164"/>
      <c r="J822" s="164"/>
      <c r="K822" s="164"/>
      <c r="L822" s="164"/>
      <c r="M822" s="181"/>
      <c r="N822" s="181"/>
      <c r="O822" s="181"/>
    </row>
    <row r="823" spans="2:15" s="34" customFormat="1">
      <c r="B823" s="72"/>
      <c r="C823" s="144"/>
      <c r="D823" s="144"/>
      <c r="E823" s="31"/>
      <c r="F823" s="31"/>
      <c r="G823" s="164"/>
      <c r="H823" s="164"/>
      <c r="I823" s="164"/>
      <c r="J823" s="164"/>
      <c r="K823" s="164"/>
      <c r="L823" s="164"/>
      <c r="M823" s="181"/>
      <c r="N823" s="181"/>
      <c r="O823" s="181"/>
    </row>
    <row r="824" spans="2:15" s="34" customFormat="1">
      <c r="B824" s="72"/>
      <c r="C824" s="144"/>
      <c r="D824" s="144"/>
      <c r="E824" s="31"/>
      <c r="F824" s="31"/>
      <c r="G824" s="164"/>
      <c r="H824" s="164"/>
      <c r="I824" s="164"/>
      <c r="J824" s="164"/>
      <c r="K824" s="164"/>
      <c r="L824" s="164"/>
      <c r="M824" s="181"/>
      <c r="N824" s="181"/>
      <c r="O824" s="181"/>
    </row>
    <row r="825" spans="2:15" s="34" customFormat="1">
      <c r="B825" s="72"/>
      <c r="C825" s="144"/>
      <c r="D825" s="144"/>
      <c r="E825" s="31"/>
      <c r="F825" s="31"/>
      <c r="G825" s="164"/>
      <c r="H825" s="164"/>
      <c r="I825" s="164"/>
      <c r="J825" s="164"/>
      <c r="K825" s="164"/>
      <c r="L825" s="164"/>
      <c r="M825" s="181"/>
      <c r="N825" s="181"/>
      <c r="O825" s="181"/>
    </row>
    <row r="826" spans="2:15" s="34" customFormat="1">
      <c r="B826" s="72"/>
      <c r="C826" s="144"/>
      <c r="D826" s="144"/>
      <c r="E826" s="31"/>
      <c r="F826" s="31"/>
      <c r="G826" s="164"/>
      <c r="H826" s="164"/>
      <c r="I826" s="164"/>
      <c r="J826" s="164"/>
      <c r="K826" s="164"/>
      <c r="L826" s="164"/>
      <c r="M826" s="181"/>
      <c r="N826" s="181"/>
      <c r="O826" s="181"/>
    </row>
    <row r="827" spans="2:15" s="34" customFormat="1">
      <c r="B827" s="72"/>
      <c r="C827" s="144"/>
      <c r="D827" s="144"/>
      <c r="E827" s="31"/>
      <c r="F827" s="31"/>
      <c r="G827" s="164"/>
      <c r="H827" s="164"/>
      <c r="I827" s="164"/>
      <c r="J827" s="164"/>
      <c r="K827" s="164"/>
      <c r="L827" s="164"/>
      <c r="M827" s="181"/>
      <c r="N827" s="181"/>
      <c r="O827" s="181"/>
    </row>
    <row r="828" spans="2:15" s="34" customFormat="1">
      <c r="B828" s="72"/>
      <c r="C828" s="144"/>
      <c r="D828" s="144"/>
      <c r="E828" s="31"/>
      <c r="F828" s="31"/>
      <c r="G828" s="164"/>
      <c r="H828" s="164"/>
      <c r="I828" s="164"/>
      <c r="J828" s="164"/>
      <c r="K828" s="164"/>
      <c r="L828" s="164"/>
      <c r="M828" s="181"/>
      <c r="N828" s="181"/>
      <c r="O828" s="181"/>
    </row>
    <row r="829" spans="2:15" s="34" customFormat="1">
      <c r="B829" s="72"/>
      <c r="C829" s="144"/>
      <c r="D829" s="144"/>
      <c r="E829" s="31"/>
      <c r="F829" s="31"/>
      <c r="G829" s="164"/>
      <c r="H829" s="164"/>
      <c r="I829" s="164"/>
      <c r="J829" s="164"/>
      <c r="K829" s="164"/>
      <c r="L829" s="164"/>
      <c r="M829" s="181"/>
      <c r="N829" s="181"/>
      <c r="O829" s="181"/>
    </row>
    <row r="830" spans="2:15" s="34" customFormat="1">
      <c r="B830" s="72"/>
      <c r="C830" s="144"/>
      <c r="D830" s="144"/>
      <c r="E830" s="31"/>
      <c r="F830" s="31"/>
      <c r="G830" s="164"/>
      <c r="H830" s="164"/>
      <c r="I830" s="164"/>
      <c r="J830" s="164"/>
      <c r="K830" s="164"/>
      <c r="L830" s="164"/>
      <c r="M830" s="181"/>
      <c r="N830" s="181"/>
      <c r="O830" s="181"/>
    </row>
    <row r="831" spans="2:15" s="34" customFormat="1">
      <c r="B831" s="72"/>
      <c r="C831" s="144"/>
      <c r="D831" s="144"/>
      <c r="E831" s="31"/>
      <c r="F831" s="31"/>
      <c r="G831" s="164"/>
      <c r="H831" s="164"/>
      <c r="I831" s="164"/>
      <c r="J831" s="164"/>
      <c r="K831" s="164"/>
      <c r="L831" s="164"/>
      <c r="M831" s="181"/>
      <c r="N831" s="181"/>
      <c r="O831" s="181"/>
    </row>
    <row r="832" spans="2:15" s="34" customFormat="1">
      <c r="B832" s="72"/>
      <c r="C832" s="144"/>
      <c r="D832" s="144"/>
      <c r="E832" s="31"/>
      <c r="F832" s="31"/>
      <c r="G832" s="164"/>
      <c r="H832" s="164"/>
      <c r="I832" s="164"/>
      <c r="J832" s="164"/>
      <c r="K832" s="164"/>
      <c r="L832" s="164"/>
      <c r="M832" s="181"/>
      <c r="N832" s="181"/>
      <c r="O832" s="181"/>
    </row>
    <row r="833" spans="2:15" s="34" customFormat="1">
      <c r="B833" s="72"/>
      <c r="C833" s="144"/>
      <c r="D833" s="144"/>
      <c r="E833" s="31"/>
      <c r="F833" s="31"/>
      <c r="G833" s="164"/>
      <c r="H833" s="164"/>
      <c r="I833" s="164"/>
      <c r="J833" s="164"/>
      <c r="K833" s="164"/>
      <c r="L833" s="164"/>
      <c r="M833" s="181"/>
      <c r="N833" s="181"/>
      <c r="O833" s="181"/>
    </row>
    <row r="834" spans="2:15" s="34" customFormat="1">
      <c r="B834" s="72"/>
      <c r="C834" s="144"/>
      <c r="D834" s="144"/>
      <c r="E834" s="31"/>
      <c r="F834" s="31"/>
      <c r="G834" s="164"/>
      <c r="H834" s="164"/>
      <c r="I834" s="164"/>
      <c r="J834" s="164"/>
      <c r="K834" s="164"/>
      <c r="L834" s="164"/>
      <c r="M834" s="181"/>
      <c r="N834" s="181"/>
      <c r="O834" s="181"/>
    </row>
    <row r="835" spans="2:15" s="34" customFormat="1">
      <c r="B835" s="72"/>
      <c r="C835" s="144"/>
      <c r="D835" s="144"/>
      <c r="E835" s="31"/>
      <c r="F835" s="31"/>
      <c r="G835" s="164"/>
      <c r="H835" s="164"/>
      <c r="I835" s="164"/>
      <c r="J835" s="164"/>
      <c r="K835" s="164"/>
      <c r="L835" s="164"/>
      <c r="M835" s="181"/>
      <c r="N835" s="181"/>
      <c r="O835" s="181"/>
    </row>
    <row r="836" spans="2:15" s="34" customFormat="1">
      <c r="B836" s="72"/>
      <c r="C836" s="144"/>
      <c r="D836" s="144"/>
      <c r="E836" s="31"/>
      <c r="F836" s="31"/>
      <c r="G836" s="164"/>
      <c r="H836" s="164"/>
      <c r="I836" s="164"/>
      <c r="J836" s="164"/>
      <c r="K836" s="164"/>
      <c r="L836" s="164"/>
      <c r="M836" s="181"/>
      <c r="N836" s="181"/>
      <c r="O836" s="181"/>
    </row>
    <row r="837" spans="2:15" s="34" customFormat="1">
      <c r="B837" s="72"/>
      <c r="C837" s="144"/>
      <c r="D837" s="144"/>
      <c r="E837" s="31"/>
      <c r="F837" s="31"/>
      <c r="G837" s="164"/>
      <c r="H837" s="164"/>
      <c r="I837" s="164"/>
      <c r="J837" s="164"/>
      <c r="K837" s="164"/>
      <c r="L837" s="164"/>
      <c r="M837" s="181"/>
      <c r="N837" s="181"/>
      <c r="O837" s="181"/>
    </row>
    <row r="838" spans="2:15" s="34" customFormat="1">
      <c r="B838" s="72"/>
      <c r="C838" s="144"/>
      <c r="D838" s="144"/>
      <c r="E838" s="31"/>
      <c r="F838" s="31"/>
      <c r="G838" s="164"/>
      <c r="H838" s="164"/>
      <c r="I838" s="164"/>
      <c r="J838" s="164"/>
      <c r="K838" s="164"/>
      <c r="L838" s="164"/>
      <c r="M838" s="181"/>
      <c r="N838" s="181"/>
      <c r="O838" s="181"/>
    </row>
    <row r="839" spans="2:15" s="34" customFormat="1">
      <c r="B839" s="72"/>
      <c r="C839" s="144"/>
      <c r="D839" s="144"/>
      <c r="E839" s="31"/>
      <c r="F839" s="31"/>
      <c r="G839" s="164"/>
      <c r="H839" s="164"/>
      <c r="I839" s="164"/>
      <c r="J839" s="164"/>
      <c r="K839" s="164"/>
      <c r="L839" s="164"/>
      <c r="M839" s="181"/>
      <c r="N839" s="181"/>
      <c r="O839" s="181"/>
    </row>
    <row r="840" spans="2:15" s="34" customFormat="1">
      <c r="B840" s="72"/>
      <c r="C840" s="144"/>
      <c r="D840" s="144"/>
      <c r="E840" s="31"/>
      <c r="F840" s="31"/>
      <c r="G840" s="164"/>
      <c r="H840" s="164"/>
      <c r="I840" s="164"/>
      <c r="J840" s="164"/>
      <c r="K840" s="164"/>
      <c r="L840" s="164"/>
      <c r="M840" s="181"/>
      <c r="N840" s="181"/>
      <c r="O840" s="181"/>
    </row>
    <row r="841" spans="2:15" s="34" customFormat="1">
      <c r="B841" s="72"/>
      <c r="C841" s="144"/>
      <c r="D841" s="144"/>
      <c r="E841" s="31"/>
      <c r="F841" s="31"/>
      <c r="G841" s="164"/>
      <c r="H841" s="164"/>
      <c r="I841" s="164"/>
      <c r="J841" s="164"/>
      <c r="K841" s="164"/>
      <c r="L841" s="164"/>
      <c r="M841" s="181"/>
      <c r="N841" s="181"/>
      <c r="O841" s="181"/>
    </row>
    <row r="842" spans="2:15" s="34" customFormat="1">
      <c r="B842" s="72"/>
      <c r="C842" s="144"/>
      <c r="D842" s="144"/>
      <c r="E842" s="31"/>
      <c r="F842" s="31"/>
      <c r="G842" s="164"/>
      <c r="H842" s="164"/>
      <c r="I842" s="164"/>
      <c r="J842" s="164"/>
      <c r="K842" s="164"/>
      <c r="L842" s="164"/>
      <c r="M842" s="181"/>
      <c r="N842" s="181"/>
      <c r="O842" s="181"/>
    </row>
    <row r="843" spans="2:15" s="34" customFormat="1">
      <c r="B843" s="72"/>
      <c r="C843" s="144"/>
      <c r="D843" s="144"/>
      <c r="E843" s="31"/>
      <c r="F843" s="31"/>
      <c r="G843" s="164"/>
      <c r="H843" s="164"/>
      <c r="I843" s="164"/>
      <c r="J843" s="164"/>
      <c r="K843" s="164"/>
      <c r="L843" s="164"/>
      <c r="M843" s="181"/>
      <c r="N843" s="181"/>
      <c r="O843" s="181"/>
    </row>
    <row r="844" spans="2:15" s="34" customFormat="1">
      <c r="B844" s="72"/>
      <c r="C844" s="144"/>
      <c r="D844" s="144"/>
      <c r="E844" s="31"/>
      <c r="F844" s="31"/>
      <c r="G844" s="164"/>
      <c r="H844" s="164"/>
      <c r="I844" s="164"/>
      <c r="J844" s="164"/>
      <c r="K844" s="164"/>
      <c r="L844" s="164"/>
      <c r="M844" s="181"/>
      <c r="N844" s="181"/>
      <c r="O844" s="181"/>
    </row>
    <row r="845" spans="2:15" s="34" customFormat="1">
      <c r="B845" s="72"/>
      <c r="C845" s="144"/>
      <c r="D845" s="144"/>
      <c r="E845" s="31"/>
      <c r="F845" s="31"/>
      <c r="G845" s="164"/>
      <c r="H845" s="164"/>
      <c r="I845" s="164"/>
      <c r="J845" s="164"/>
      <c r="K845" s="164"/>
      <c r="L845" s="164"/>
      <c r="M845" s="181"/>
      <c r="N845" s="181"/>
      <c r="O845" s="181"/>
    </row>
    <row r="846" spans="2:15" s="34" customFormat="1">
      <c r="B846" s="72"/>
      <c r="C846" s="144"/>
      <c r="D846" s="144"/>
      <c r="E846" s="31"/>
      <c r="F846" s="31"/>
      <c r="G846" s="164"/>
      <c r="H846" s="164"/>
      <c r="I846" s="164"/>
      <c r="J846" s="164"/>
      <c r="K846" s="164"/>
      <c r="L846" s="164"/>
      <c r="M846" s="181"/>
      <c r="N846" s="181"/>
      <c r="O846" s="181"/>
    </row>
    <row r="847" spans="2:15" s="34" customFormat="1">
      <c r="B847" s="72"/>
      <c r="C847" s="144"/>
      <c r="D847" s="144"/>
      <c r="E847" s="31"/>
      <c r="F847" s="31"/>
      <c r="G847" s="164"/>
      <c r="H847" s="164"/>
      <c r="I847" s="164"/>
      <c r="J847" s="164"/>
      <c r="K847" s="164"/>
      <c r="L847" s="164"/>
      <c r="M847" s="181"/>
      <c r="N847" s="181"/>
      <c r="O847" s="181"/>
    </row>
    <row r="848" spans="2:15" s="34" customFormat="1">
      <c r="B848" s="72"/>
      <c r="C848" s="144"/>
      <c r="D848" s="144"/>
      <c r="E848" s="31"/>
      <c r="F848" s="31"/>
      <c r="G848" s="164"/>
      <c r="H848" s="164"/>
      <c r="I848" s="164"/>
      <c r="J848" s="164"/>
      <c r="K848" s="164"/>
      <c r="L848" s="164"/>
      <c r="M848" s="181"/>
      <c r="N848" s="181"/>
      <c r="O848" s="181"/>
    </row>
    <row r="849" spans="2:15" s="34" customFormat="1">
      <c r="B849" s="72"/>
      <c r="C849" s="144"/>
      <c r="D849" s="144"/>
      <c r="E849" s="31"/>
      <c r="F849" s="31"/>
      <c r="G849" s="164"/>
      <c r="H849" s="164"/>
      <c r="I849" s="164"/>
      <c r="J849" s="164"/>
      <c r="K849" s="164"/>
      <c r="L849" s="164"/>
      <c r="M849" s="181"/>
      <c r="N849" s="181"/>
      <c r="O849" s="181"/>
    </row>
    <row r="850" spans="2:15" s="34" customFormat="1">
      <c r="B850" s="72"/>
      <c r="C850" s="144"/>
      <c r="D850" s="144"/>
      <c r="E850" s="31"/>
      <c r="F850" s="31"/>
      <c r="G850" s="164"/>
      <c r="H850" s="164"/>
      <c r="I850" s="164"/>
      <c r="J850" s="164"/>
      <c r="K850" s="164"/>
      <c r="L850" s="164"/>
      <c r="M850" s="181"/>
      <c r="N850" s="181"/>
      <c r="O850" s="181"/>
    </row>
    <row r="851" spans="2:15" s="34" customFormat="1">
      <c r="B851" s="72"/>
      <c r="C851" s="144"/>
      <c r="D851" s="144"/>
      <c r="E851" s="31"/>
      <c r="F851" s="31"/>
      <c r="G851" s="164"/>
      <c r="H851" s="164"/>
      <c r="I851" s="164"/>
      <c r="J851" s="164"/>
      <c r="K851" s="164"/>
      <c r="L851" s="164"/>
      <c r="M851" s="181"/>
      <c r="N851" s="181"/>
      <c r="O851" s="181"/>
    </row>
    <row r="852" spans="2:15" s="34" customFormat="1">
      <c r="B852" s="72"/>
      <c r="C852" s="144"/>
      <c r="D852" s="144"/>
      <c r="E852" s="31"/>
      <c r="F852" s="31"/>
      <c r="G852" s="164"/>
      <c r="H852" s="164"/>
      <c r="I852" s="164"/>
      <c r="J852" s="164"/>
      <c r="K852" s="164"/>
      <c r="L852" s="164"/>
      <c r="M852" s="181"/>
      <c r="N852" s="181"/>
      <c r="O852" s="181"/>
    </row>
    <row r="853" spans="2:15" s="34" customFormat="1">
      <c r="B853" s="72"/>
      <c r="C853" s="144"/>
      <c r="D853" s="144"/>
      <c r="E853" s="31"/>
      <c r="F853" s="31"/>
      <c r="G853" s="164"/>
      <c r="H853" s="164"/>
      <c r="I853" s="164"/>
      <c r="J853" s="164"/>
      <c r="K853" s="164"/>
      <c r="L853" s="164"/>
      <c r="M853" s="181"/>
      <c r="N853" s="181"/>
      <c r="O853" s="181"/>
    </row>
    <row r="854" spans="2:15" s="34" customFormat="1">
      <c r="B854" s="72"/>
      <c r="C854" s="144"/>
      <c r="D854" s="144"/>
      <c r="E854" s="31"/>
      <c r="F854" s="31"/>
      <c r="G854" s="164"/>
      <c r="H854" s="164"/>
      <c r="I854" s="164"/>
      <c r="J854" s="164"/>
      <c r="K854" s="164"/>
      <c r="L854" s="164"/>
      <c r="M854" s="181"/>
      <c r="N854" s="181"/>
      <c r="O854" s="181"/>
    </row>
    <row r="855" spans="2:15" s="34" customFormat="1">
      <c r="B855" s="72"/>
      <c r="C855" s="144"/>
      <c r="D855" s="144"/>
      <c r="E855" s="31"/>
      <c r="F855" s="31"/>
      <c r="G855" s="164"/>
      <c r="H855" s="164"/>
      <c r="I855" s="164"/>
      <c r="J855" s="164"/>
      <c r="K855" s="164"/>
      <c r="L855" s="164"/>
      <c r="M855" s="181"/>
      <c r="N855" s="181"/>
      <c r="O855" s="181"/>
    </row>
    <row r="856" spans="2:15" s="34" customFormat="1">
      <c r="B856" s="72"/>
      <c r="C856" s="144"/>
      <c r="D856" s="144"/>
      <c r="E856" s="31"/>
      <c r="F856" s="31"/>
      <c r="G856" s="164"/>
      <c r="H856" s="164"/>
      <c r="I856" s="164"/>
      <c r="J856" s="164"/>
      <c r="K856" s="164"/>
      <c r="L856" s="164"/>
      <c r="M856" s="181"/>
      <c r="N856" s="181"/>
      <c r="O856" s="181"/>
    </row>
    <row r="857" spans="2:15" s="34" customFormat="1">
      <c r="B857" s="72"/>
      <c r="C857" s="144"/>
      <c r="D857" s="144"/>
      <c r="E857" s="31"/>
      <c r="F857" s="31"/>
      <c r="G857" s="164"/>
      <c r="H857" s="164"/>
      <c r="I857" s="164"/>
      <c r="J857" s="164"/>
      <c r="K857" s="164"/>
      <c r="L857" s="164"/>
      <c r="M857" s="181"/>
      <c r="N857" s="181"/>
      <c r="O857" s="181"/>
    </row>
    <row r="858" spans="2:15" s="34" customFormat="1">
      <c r="B858" s="72"/>
      <c r="C858" s="144"/>
      <c r="D858" s="144"/>
      <c r="E858" s="31"/>
      <c r="F858" s="31"/>
      <c r="G858" s="164"/>
      <c r="H858" s="164"/>
      <c r="I858" s="164"/>
      <c r="J858" s="164"/>
      <c r="K858" s="164"/>
      <c r="L858" s="164"/>
      <c r="M858" s="181"/>
      <c r="N858" s="181"/>
      <c r="O858" s="181"/>
    </row>
    <row r="859" spans="2:15" s="34" customFormat="1">
      <c r="B859" s="72"/>
      <c r="C859" s="144"/>
      <c r="D859" s="144"/>
      <c r="E859" s="31"/>
      <c r="F859" s="31"/>
      <c r="G859" s="164"/>
      <c r="H859" s="164"/>
      <c r="I859" s="164"/>
      <c r="J859" s="164"/>
      <c r="K859" s="164"/>
      <c r="L859" s="164"/>
      <c r="M859" s="181"/>
      <c r="N859" s="181"/>
      <c r="O859" s="181"/>
    </row>
    <row r="860" spans="2:15" s="34" customFormat="1">
      <c r="B860" s="72"/>
      <c r="C860" s="144"/>
      <c r="D860" s="144"/>
      <c r="E860" s="31"/>
      <c r="F860" s="31"/>
      <c r="G860" s="164"/>
      <c r="H860" s="164"/>
      <c r="I860" s="164"/>
      <c r="J860" s="164"/>
      <c r="K860" s="164"/>
      <c r="L860" s="164"/>
      <c r="M860" s="181"/>
      <c r="N860" s="181"/>
      <c r="O860" s="181"/>
    </row>
    <row r="861" spans="2:15" s="34" customFormat="1">
      <c r="B861" s="72"/>
      <c r="C861" s="144"/>
      <c r="D861" s="144"/>
      <c r="E861" s="31"/>
      <c r="F861" s="31"/>
      <c r="G861" s="164"/>
      <c r="H861" s="164"/>
      <c r="I861" s="164"/>
      <c r="J861" s="164"/>
      <c r="K861" s="164"/>
      <c r="L861" s="164"/>
      <c r="M861" s="181"/>
      <c r="N861" s="181"/>
      <c r="O861" s="181"/>
    </row>
    <row r="862" spans="2:15" s="34" customFormat="1">
      <c r="B862" s="72"/>
      <c r="C862" s="144"/>
      <c r="D862" s="144"/>
      <c r="E862" s="31"/>
      <c r="F862" s="31"/>
      <c r="G862" s="164"/>
      <c r="H862" s="164"/>
      <c r="I862" s="164"/>
      <c r="J862" s="164"/>
      <c r="K862" s="164"/>
      <c r="L862" s="164"/>
      <c r="M862" s="181"/>
      <c r="N862" s="181"/>
      <c r="O862" s="181"/>
    </row>
    <row r="863" spans="2:15" s="34" customFormat="1">
      <c r="B863" s="72"/>
      <c r="C863" s="144"/>
      <c r="D863" s="144"/>
      <c r="E863" s="31"/>
      <c r="F863" s="31"/>
      <c r="G863" s="164"/>
      <c r="H863" s="164"/>
      <c r="I863" s="164"/>
      <c r="J863" s="164"/>
      <c r="K863" s="164"/>
      <c r="L863" s="164"/>
      <c r="M863" s="181"/>
      <c r="N863" s="181"/>
      <c r="O863" s="181"/>
    </row>
    <row r="864" spans="2:15" s="34" customFormat="1">
      <c r="B864" s="72"/>
      <c r="C864" s="144"/>
      <c r="D864" s="144"/>
      <c r="E864" s="31"/>
      <c r="F864" s="31"/>
      <c r="G864" s="164"/>
      <c r="H864" s="164"/>
      <c r="I864" s="164"/>
      <c r="J864" s="164"/>
      <c r="K864" s="164"/>
      <c r="L864" s="164"/>
      <c r="M864" s="181"/>
      <c r="N864" s="181"/>
      <c r="O864" s="181"/>
    </row>
    <row r="865" spans="2:15" s="34" customFormat="1">
      <c r="B865" s="72"/>
      <c r="C865" s="144"/>
      <c r="D865" s="144"/>
      <c r="E865" s="31"/>
      <c r="F865" s="31"/>
      <c r="G865" s="164"/>
      <c r="H865" s="164"/>
      <c r="I865" s="164"/>
      <c r="J865" s="164"/>
      <c r="K865" s="164"/>
      <c r="L865" s="164"/>
      <c r="M865" s="181"/>
      <c r="N865" s="181"/>
      <c r="O865" s="181"/>
    </row>
    <row r="866" spans="2:15" s="34" customFormat="1">
      <c r="B866" s="72"/>
      <c r="C866" s="144"/>
      <c r="D866" s="144"/>
      <c r="E866" s="31"/>
      <c r="F866" s="31"/>
      <c r="G866" s="164"/>
      <c r="H866" s="164"/>
      <c r="I866" s="164"/>
      <c r="J866" s="164"/>
      <c r="K866" s="164"/>
      <c r="L866" s="164"/>
      <c r="M866" s="181"/>
      <c r="N866" s="181"/>
      <c r="O866" s="181"/>
    </row>
    <row r="867" spans="2:15" s="34" customFormat="1">
      <c r="B867" s="72"/>
      <c r="C867" s="144"/>
      <c r="D867" s="144"/>
      <c r="E867" s="31"/>
      <c r="F867" s="31"/>
      <c r="G867" s="164"/>
      <c r="H867" s="164"/>
      <c r="I867" s="164"/>
      <c r="J867" s="164"/>
      <c r="K867" s="164"/>
      <c r="L867" s="164"/>
      <c r="M867" s="181"/>
      <c r="N867" s="181"/>
      <c r="O867" s="181"/>
    </row>
    <row r="868" spans="2:15" s="34" customFormat="1">
      <c r="B868" s="72"/>
      <c r="C868" s="144"/>
      <c r="D868" s="144"/>
      <c r="E868" s="31"/>
      <c r="F868" s="31"/>
      <c r="G868" s="164"/>
      <c r="H868" s="164"/>
      <c r="I868" s="164"/>
      <c r="J868" s="164"/>
      <c r="K868" s="164"/>
      <c r="L868" s="164"/>
      <c r="M868" s="181"/>
      <c r="N868" s="181"/>
      <c r="O868" s="181"/>
    </row>
    <row r="869" spans="2:15" s="34" customFormat="1">
      <c r="B869" s="72"/>
      <c r="C869" s="144"/>
      <c r="D869" s="144"/>
      <c r="E869" s="31"/>
      <c r="F869" s="31"/>
      <c r="G869" s="164"/>
      <c r="H869" s="164"/>
      <c r="I869" s="164"/>
      <c r="J869" s="164"/>
      <c r="K869" s="164"/>
      <c r="L869" s="164"/>
      <c r="M869" s="181"/>
      <c r="N869" s="181"/>
      <c r="O869" s="181"/>
    </row>
    <row r="870" spans="2:15" s="34" customFormat="1">
      <c r="B870" s="72"/>
      <c r="C870" s="144"/>
      <c r="D870" s="144"/>
      <c r="E870" s="31"/>
      <c r="F870" s="31"/>
      <c r="G870" s="164"/>
      <c r="H870" s="164"/>
      <c r="I870" s="164"/>
      <c r="J870" s="164"/>
      <c r="K870" s="164"/>
      <c r="L870" s="164"/>
      <c r="M870" s="181"/>
      <c r="N870" s="181"/>
      <c r="O870" s="181"/>
    </row>
    <row r="871" spans="2:15" s="34" customFormat="1">
      <c r="B871" s="72"/>
      <c r="C871" s="144"/>
      <c r="D871" s="144"/>
      <c r="E871" s="31"/>
      <c r="F871" s="31"/>
      <c r="G871" s="164"/>
      <c r="H871" s="164"/>
      <c r="I871" s="164"/>
      <c r="J871" s="164"/>
      <c r="K871" s="164"/>
      <c r="L871" s="164"/>
      <c r="M871" s="181"/>
      <c r="N871" s="181"/>
      <c r="O871" s="181"/>
    </row>
    <row r="872" spans="2:15" s="34" customFormat="1">
      <c r="B872" s="72"/>
      <c r="C872" s="144"/>
      <c r="D872" s="144"/>
      <c r="E872" s="31"/>
      <c r="F872" s="31"/>
      <c r="G872" s="164"/>
      <c r="H872" s="164"/>
      <c r="I872" s="164"/>
      <c r="J872" s="164"/>
      <c r="K872" s="164"/>
      <c r="L872" s="164"/>
      <c r="M872" s="181"/>
      <c r="N872" s="181"/>
      <c r="O872" s="181"/>
    </row>
    <row r="873" spans="2:15" s="34" customFormat="1">
      <c r="B873" s="72"/>
      <c r="C873" s="144"/>
      <c r="D873" s="144"/>
      <c r="E873" s="31"/>
      <c r="F873" s="31"/>
      <c r="G873" s="164"/>
      <c r="H873" s="164"/>
      <c r="I873" s="164"/>
      <c r="J873" s="164"/>
      <c r="K873" s="164"/>
      <c r="L873" s="164"/>
      <c r="M873" s="181"/>
      <c r="N873" s="181"/>
      <c r="O873" s="181"/>
    </row>
    <row r="874" spans="2:15" s="34" customFormat="1">
      <c r="B874" s="72"/>
      <c r="C874" s="144"/>
      <c r="D874" s="144"/>
      <c r="E874" s="31"/>
      <c r="F874" s="31"/>
      <c r="G874" s="164"/>
      <c r="H874" s="164"/>
      <c r="I874" s="164"/>
      <c r="J874" s="164"/>
      <c r="K874" s="164"/>
      <c r="L874" s="164"/>
      <c r="M874" s="181"/>
      <c r="N874" s="181"/>
      <c r="O874" s="181"/>
    </row>
    <row r="875" spans="2:15" s="34" customFormat="1">
      <c r="B875" s="72"/>
      <c r="C875" s="144"/>
      <c r="D875" s="144"/>
      <c r="E875" s="31"/>
      <c r="F875" s="31"/>
      <c r="G875" s="164"/>
      <c r="H875" s="164"/>
      <c r="I875" s="164"/>
      <c r="J875" s="164"/>
      <c r="K875" s="164"/>
      <c r="L875" s="164"/>
      <c r="M875" s="181"/>
      <c r="N875" s="181"/>
      <c r="O875" s="181"/>
    </row>
    <row r="876" spans="2:15" s="34" customFormat="1">
      <c r="B876" s="72"/>
      <c r="C876" s="144"/>
      <c r="D876" s="144"/>
      <c r="E876" s="31"/>
      <c r="F876" s="31"/>
      <c r="G876" s="164"/>
      <c r="H876" s="164"/>
      <c r="I876" s="164"/>
      <c r="J876" s="164"/>
      <c r="K876" s="164"/>
      <c r="L876" s="164"/>
      <c r="M876" s="181"/>
      <c r="N876" s="181"/>
      <c r="O876" s="181"/>
    </row>
    <row r="877" spans="2:15" s="34" customFormat="1">
      <c r="B877" s="72"/>
      <c r="C877" s="144"/>
      <c r="D877" s="144"/>
      <c r="E877" s="31"/>
      <c r="F877" s="31"/>
      <c r="G877" s="164"/>
      <c r="H877" s="164"/>
      <c r="I877" s="164"/>
      <c r="J877" s="164"/>
      <c r="K877" s="164"/>
      <c r="L877" s="164"/>
      <c r="M877" s="181"/>
      <c r="N877" s="181"/>
      <c r="O877" s="181"/>
    </row>
    <row r="878" spans="2:15" s="34" customFormat="1">
      <c r="B878" s="72"/>
      <c r="C878" s="144"/>
      <c r="D878" s="144"/>
      <c r="E878" s="31"/>
      <c r="F878" s="31"/>
      <c r="G878" s="164"/>
      <c r="H878" s="164"/>
      <c r="I878" s="164"/>
      <c r="J878" s="164"/>
      <c r="K878" s="164"/>
      <c r="L878" s="164"/>
      <c r="M878" s="181"/>
      <c r="N878" s="181"/>
      <c r="O878" s="181"/>
    </row>
    <row r="879" spans="2:15" s="34" customFormat="1">
      <c r="B879" s="72"/>
      <c r="C879" s="144"/>
      <c r="D879" s="144"/>
      <c r="E879" s="31"/>
      <c r="F879" s="31"/>
      <c r="G879" s="164"/>
      <c r="H879" s="164"/>
      <c r="I879" s="164"/>
      <c r="J879" s="164"/>
      <c r="K879" s="164"/>
      <c r="L879" s="164"/>
      <c r="M879" s="181"/>
      <c r="N879" s="181"/>
      <c r="O879" s="181"/>
    </row>
    <row r="880" spans="2:15" s="34" customFormat="1">
      <c r="B880" s="72"/>
      <c r="C880" s="144"/>
      <c r="D880" s="144"/>
      <c r="E880" s="31"/>
      <c r="F880" s="31"/>
      <c r="G880" s="164"/>
      <c r="H880" s="164"/>
      <c r="I880" s="164"/>
      <c r="J880" s="164"/>
      <c r="K880" s="164"/>
      <c r="L880" s="164"/>
      <c r="M880" s="181"/>
      <c r="N880" s="181"/>
      <c r="O880" s="181"/>
    </row>
    <row r="881" spans="2:15" s="34" customFormat="1">
      <c r="B881" s="72"/>
      <c r="C881" s="144"/>
      <c r="D881" s="144"/>
      <c r="E881" s="31"/>
      <c r="F881" s="31"/>
      <c r="G881" s="164"/>
      <c r="H881" s="164"/>
      <c r="I881" s="164"/>
      <c r="J881" s="164"/>
      <c r="K881" s="164"/>
      <c r="L881" s="164"/>
      <c r="M881" s="181"/>
      <c r="N881" s="181"/>
      <c r="O881" s="181"/>
    </row>
    <row r="882" spans="2:15" s="34" customFormat="1">
      <c r="B882" s="72"/>
      <c r="C882" s="144"/>
      <c r="D882" s="144"/>
      <c r="E882" s="31"/>
      <c r="F882" s="31"/>
      <c r="G882" s="164"/>
      <c r="H882" s="164"/>
      <c r="I882" s="164"/>
      <c r="J882" s="164"/>
      <c r="K882" s="164"/>
      <c r="L882" s="164"/>
      <c r="M882" s="181"/>
      <c r="N882" s="181"/>
      <c r="O882" s="181"/>
    </row>
    <row r="883" spans="2:15" s="34" customFormat="1">
      <c r="B883" s="72"/>
      <c r="C883" s="144"/>
      <c r="D883" s="144"/>
      <c r="E883" s="31"/>
      <c r="F883" s="31"/>
      <c r="G883" s="164"/>
      <c r="H883" s="164"/>
      <c r="I883" s="164"/>
      <c r="J883" s="164"/>
      <c r="K883" s="164"/>
      <c r="L883" s="164"/>
      <c r="M883" s="181"/>
      <c r="N883" s="181"/>
      <c r="O883" s="181"/>
    </row>
    <row r="884" spans="2:15" s="34" customFormat="1">
      <c r="B884" s="72"/>
      <c r="C884" s="144"/>
      <c r="D884" s="144"/>
      <c r="E884" s="31"/>
      <c r="F884" s="31"/>
      <c r="G884" s="164"/>
      <c r="H884" s="164"/>
      <c r="I884" s="164"/>
      <c r="J884" s="164"/>
      <c r="K884" s="164"/>
      <c r="L884" s="164"/>
      <c r="M884" s="181"/>
      <c r="N884" s="181"/>
      <c r="O884" s="181"/>
    </row>
    <row r="885" spans="2:15" s="34" customFormat="1">
      <c r="B885" s="72"/>
      <c r="C885" s="144"/>
      <c r="D885" s="144"/>
      <c r="E885" s="31"/>
      <c r="F885" s="31"/>
      <c r="G885" s="164"/>
      <c r="H885" s="164"/>
      <c r="I885" s="164"/>
      <c r="J885" s="164"/>
      <c r="K885" s="164"/>
      <c r="L885" s="164"/>
      <c r="M885" s="181"/>
      <c r="N885" s="181"/>
      <c r="O885" s="181"/>
    </row>
    <row r="886" spans="2:15" s="34" customFormat="1">
      <c r="B886" s="72"/>
      <c r="C886" s="144"/>
      <c r="D886" s="144"/>
      <c r="E886" s="31"/>
      <c r="F886" s="31"/>
      <c r="G886" s="164"/>
      <c r="H886" s="164"/>
      <c r="I886" s="164"/>
      <c r="J886" s="164"/>
      <c r="K886" s="164"/>
      <c r="L886" s="164"/>
      <c r="M886" s="181"/>
      <c r="N886" s="181"/>
      <c r="O886" s="181"/>
    </row>
    <row r="887" spans="2:15" s="34" customFormat="1">
      <c r="B887" s="72"/>
      <c r="C887" s="144"/>
      <c r="D887" s="144"/>
      <c r="E887" s="31"/>
      <c r="F887" s="31"/>
      <c r="G887" s="164"/>
      <c r="H887" s="164"/>
      <c r="I887" s="164"/>
      <c r="J887" s="164"/>
      <c r="K887" s="164"/>
      <c r="L887" s="164"/>
      <c r="M887" s="181"/>
      <c r="N887" s="181"/>
      <c r="O887" s="181"/>
    </row>
    <row r="888" spans="2:15" s="34" customFormat="1">
      <c r="B888" s="72"/>
      <c r="C888" s="144"/>
      <c r="D888" s="144"/>
      <c r="E888" s="31"/>
      <c r="F888" s="31"/>
      <c r="G888" s="164"/>
      <c r="H888" s="164"/>
      <c r="I888" s="164"/>
      <c r="J888" s="164"/>
      <c r="K888" s="164"/>
      <c r="L888" s="164"/>
      <c r="M888" s="181"/>
      <c r="N888" s="181"/>
      <c r="O888" s="181"/>
    </row>
    <row r="889" spans="2:15" s="34" customFormat="1">
      <c r="B889" s="72"/>
      <c r="C889" s="144"/>
      <c r="D889" s="144"/>
      <c r="E889" s="31"/>
      <c r="F889" s="31"/>
      <c r="G889" s="164"/>
      <c r="H889" s="164"/>
      <c r="I889" s="164"/>
      <c r="J889" s="164"/>
      <c r="K889" s="164"/>
      <c r="L889" s="164"/>
      <c r="M889" s="181"/>
      <c r="N889" s="181"/>
      <c r="O889" s="181"/>
    </row>
    <row r="890" spans="2:15" s="34" customFormat="1">
      <c r="B890" s="72"/>
      <c r="C890" s="144"/>
      <c r="D890" s="144"/>
      <c r="E890" s="31"/>
      <c r="F890" s="31"/>
      <c r="G890" s="164"/>
      <c r="H890" s="164"/>
      <c r="I890" s="164"/>
      <c r="J890" s="164"/>
      <c r="K890" s="164"/>
      <c r="L890" s="164"/>
      <c r="M890" s="181"/>
      <c r="N890" s="181"/>
      <c r="O890" s="181"/>
    </row>
    <row r="891" spans="2:15" s="34" customFormat="1">
      <c r="B891" s="72"/>
      <c r="C891" s="144"/>
      <c r="D891" s="144"/>
      <c r="E891" s="31"/>
      <c r="F891" s="31"/>
      <c r="G891" s="164"/>
      <c r="H891" s="164"/>
      <c r="I891" s="164"/>
      <c r="J891" s="164"/>
      <c r="K891" s="164"/>
      <c r="L891" s="164"/>
      <c r="M891" s="181"/>
      <c r="N891" s="181"/>
      <c r="O891" s="181"/>
    </row>
    <row r="892" spans="2:15" s="34" customFormat="1">
      <c r="B892" s="72"/>
      <c r="C892" s="144"/>
      <c r="D892" s="144"/>
      <c r="E892" s="31"/>
      <c r="F892" s="31"/>
      <c r="G892" s="164"/>
      <c r="H892" s="164"/>
      <c r="I892" s="164"/>
      <c r="J892" s="164"/>
      <c r="K892" s="164"/>
      <c r="L892" s="164"/>
      <c r="M892" s="181"/>
      <c r="N892" s="181"/>
      <c r="O892" s="181"/>
    </row>
    <row r="893" spans="2:15" s="34" customFormat="1">
      <c r="B893" s="72"/>
      <c r="C893" s="144"/>
      <c r="D893" s="144"/>
      <c r="E893" s="31"/>
      <c r="F893" s="31"/>
      <c r="G893" s="164"/>
      <c r="H893" s="164"/>
      <c r="I893" s="164"/>
      <c r="J893" s="164"/>
      <c r="K893" s="164"/>
      <c r="L893" s="164"/>
      <c r="M893" s="181"/>
      <c r="N893" s="181"/>
      <c r="O893" s="181"/>
    </row>
    <row r="894" spans="2:15" s="34" customFormat="1">
      <c r="B894" s="72"/>
      <c r="C894" s="144"/>
      <c r="D894" s="144"/>
      <c r="E894" s="31"/>
      <c r="F894" s="31"/>
      <c r="G894" s="164"/>
      <c r="H894" s="164"/>
      <c r="I894" s="164"/>
      <c r="J894" s="164"/>
      <c r="K894" s="164"/>
      <c r="L894" s="164"/>
      <c r="M894" s="181"/>
      <c r="N894" s="181"/>
      <c r="O894" s="181"/>
    </row>
    <row r="895" spans="2:15" s="34" customFormat="1">
      <c r="B895" s="72"/>
      <c r="C895" s="144"/>
      <c r="D895" s="144"/>
      <c r="E895" s="31"/>
      <c r="F895" s="31"/>
      <c r="G895" s="164"/>
      <c r="H895" s="164"/>
      <c r="I895" s="164"/>
      <c r="J895" s="164"/>
      <c r="K895" s="164"/>
      <c r="L895" s="164"/>
      <c r="M895" s="181"/>
      <c r="N895" s="181"/>
      <c r="O895" s="181"/>
    </row>
    <row r="896" spans="2:15" s="34" customFormat="1">
      <c r="B896" s="72"/>
      <c r="C896" s="144"/>
      <c r="D896" s="144"/>
      <c r="E896" s="31"/>
      <c r="F896" s="31"/>
      <c r="G896" s="164"/>
      <c r="H896" s="164"/>
      <c r="I896" s="164"/>
      <c r="J896" s="164"/>
      <c r="K896" s="164"/>
      <c r="L896" s="164"/>
      <c r="M896" s="181"/>
      <c r="N896" s="181"/>
      <c r="O896" s="181"/>
    </row>
    <row r="897" spans="2:15" s="34" customFormat="1">
      <c r="B897" s="72"/>
      <c r="C897" s="144"/>
      <c r="D897" s="144"/>
      <c r="E897" s="31"/>
      <c r="F897" s="31"/>
      <c r="G897" s="164"/>
      <c r="H897" s="164"/>
      <c r="I897" s="164"/>
      <c r="J897" s="164"/>
      <c r="K897" s="164"/>
      <c r="L897" s="164"/>
      <c r="M897" s="181"/>
      <c r="N897" s="181"/>
      <c r="O897" s="181"/>
    </row>
    <row r="898" spans="2:15" s="34" customFormat="1">
      <c r="B898" s="72"/>
      <c r="C898" s="144"/>
      <c r="D898" s="144"/>
      <c r="E898" s="31"/>
      <c r="F898" s="31"/>
      <c r="G898" s="164"/>
      <c r="H898" s="164"/>
      <c r="I898" s="164"/>
      <c r="J898" s="164"/>
      <c r="K898" s="164"/>
      <c r="L898" s="164"/>
      <c r="M898" s="181"/>
      <c r="N898" s="181"/>
      <c r="O898" s="181"/>
    </row>
    <row r="899" spans="2:15" s="34" customFormat="1">
      <c r="B899" s="72"/>
      <c r="C899" s="144"/>
      <c r="D899" s="144"/>
      <c r="E899" s="31"/>
      <c r="F899" s="31"/>
      <c r="G899" s="164"/>
      <c r="H899" s="164"/>
      <c r="I899" s="164"/>
      <c r="J899" s="164"/>
      <c r="K899" s="164"/>
      <c r="L899" s="164"/>
      <c r="M899" s="181"/>
      <c r="N899" s="181"/>
      <c r="O899" s="181"/>
    </row>
    <row r="900" spans="2:15" s="34" customFormat="1">
      <c r="B900" s="72"/>
      <c r="C900" s="144"/>
      <c r="D900" s="144"/>
      <c r="E900" s="31"/>
      <c r="F900" s="31"/>
      <c r="G900" s="164"/>
      <c r="H900" s="164"/>
      <c r="I900" s="164"/>
      <c r="J900" s="164"/>
      <c r="K900" s="164"/>
      <c r="L900" s="164"/>
      <c r="M900" s="181"/>
      <c r="N900" s="181"/>
      <c r="O900" s="181"/>
    </row>
    <row r="901" spans="2:15" s="34" customFormat="1">
      <c r="B901" s="72"/>
      <c r="C901" s="144"/>
      <c r="D901" s="144"/>
      <c r="E901" s="31"/>
      <c r="F901" s="31"/>
      <c r="G901" s="164"/>
      <c r="H901" s="164"/>
      <c r="I901" s="164"/>
      <c r="J901" s="164"/>
      <c r="K901" s="164"/>
      <c r="L901" s="164"/>
      <c r="M901" s="181"/>
      <c r="N901" s="181"/>
      <c r="O901" s="181"/>
    </row>
    <row r="902" spans="2:15" s="34" customFormat="1">
      <c r="B902" s="72"/>
      <c r="C902" s="144"/>
      <c r="D902" s="144"/>
      <c r="E902" s="31"/>
      <c r="F902" s="31"/>
      <c r="G902" s="164"/>
      <c r="H902" s="164"/>
      <c r="I902" s="164"/>
      <c r="J902" s="164"/>
      <c r="K902" s="164"/>
      <c r="L902" s="164"/>
      <c r="M902" s="181"/>
      <c r="N902" s="181"/>
      <c r="O902" s="181"/>
    </row>
    <row r="903" spans="2:15" s="34" customFormat="1">
      <c r="B903" s="72"/>
      <c r="C903" s="144"/>
      <c r="D903" s="144"/>
      <c r="E903" s="31"/>
      <c r="F903" s="31"/>
      <c r="G903" s="164"/>
      <c r="H903" s="164"/>
      <c r="I903" s="164"/>
      <c r="J903" s="164"/>
      <c r="K903" s="164"/>
      <c r="L903" s="164"/>
      <c r="M903" s="181"/>
      <c r="N903" s="181"/>
      <c r="O903" s="181"/>
    </row>
    <row r="904" spans="2:15" s="34" customFormat="1">
      <c r="B904" s="72"/>
      <c r="C904" s="144"/>
      <c r="D904" s="144"/>
      <c r="E904" s="31"/>
      <c r="F904" s="31"/>
      <c r="G904" s="164"/>
      <c r="H904" s="164"/>
      <c r="I904" s="164"/>
      <c r="J904" s="164"/>
      <c r="K904" s="164"/>
      <c r="L904" s="164"/>
      <c r="M904" s="181"/>
      <c r="N904" s="181"/>
      <c r="O904" s="181"/>
    </row>
    <row r="905" spans="2:15" s="34" customFormat="1">
      <c r="B905" s="72"/>
      <c r="C905" s="144"/>
      <c r="D905" s="144"/>
      <c r="E905" s="31"/>
      <c r="F905" s="31"/>
      <c r="G905" s="164"/>
      <c r="H905" s="164"/>
      <c r="I905" s="164"/>
      <c r="J905" s="164"/>
      <c r="K905" s="164"/>
      <c r="L905" s="164"/>
      <c r="M905" s="181"/>
      <c r="N905" s="181"/>
      <c r="O905" s="181"/>
    </row>
    <row r="906" spans="2:15" s="34" customFormat="1">
      <c r="B906" s="72"/>
      <c r="C906" s="144"/>
      <c r="D906" s="144"/>
      <c r="E906" s="31"/>
      <c r="F906" s="31"/>
      <c r="G906" s="164"/>
      <c r="H906" s="164"/>
      <c r="I906" s="164"/>
      <c r="J906" s="164"/>
      <c r="K906" s="164"/>
      <c r="L906" s="164"/>
      <c r="M906" s="181"/>
      <c r="N906" s="181"/>
      <c r="O906" s="181"/>
    </row>
    <row r="907" spans="2:15" s="34" customFormat="1">
      <c r="B907" s="72"/>
      <c r="C907" s="144"/>
      <c r="D907" s="144"/>
      <c r="E907" s="31"/>
      <c r="F907" s="31"/>
      <c r="G907" s="164"/>
      <c r="H907" s="164"/>
      <c r="I907" s="164"/>
      <c r="J907" s="164"/>
      <c r="K907" s="164"/>
      <c r="L907" s="164"/>
      <c r="M907" s="181"/>
      <c r="N907" s="181"/>
      <c r="O907" s="181"/>
    </row>
    <row r="908" spans="2:15" s="34" customFormat="1">
      <c r="B908" s="72"/>
      <c r="C908" s="144"/>
      <c r="D908" s="144"/>
      <c r="E908" s="31"/>
      <c r="F908" s="31"/>
      <c r="G908" s="164"/>
      <c r="H908" s="164"/>
      <c r="I908" s="164"/>
      <c r="J908" s="164"/>
      <c r="K908" s="164"/>
      <c r="L908" s="164"/>
      <c r="M908" s="181"/>
      <c r="N908" s="181"/>
      <c r="O908" s="181"/>
    </row>
    <row r="909" spans="2:15" s="34" customFormat="1">
      <c r="B909" s="72"/>
      <c r="C909" s="144"/>
      <c r="D909" s="144"/>
      <c r="E909" s="31"/>
      <c r="F909" s="31"/>
      <c r="G909" s="164"/>
      <c r="H909" s="164"/>
      <c r="I909" s="164"/>
      <c r="J909" s="164"/>
      <c r="K909" s="164"/>
      <c r="L909" s="164"/>
      <c r="M909" s="181"/>
      <c r="N909" s="181"/>
      <c r="O909" s="181"/>
    </row>
    <row r="910" spans="2:15" s="34" customFormat="1">
      <c r="B910" s="72"/>
      <c r="C910" s="144"/>
      <c r="D910" s="144"/>
      <c r="E910" s="31"/>
      <c r="F910" s="31"/>
      <c r="G910" s="164"/>
      <c r="H910" s="164"/>
      <c r="I910" s="164"/>
      <c r="J910" s="164"/>
      <c r="K910" s="164"/>
      <c r="L910" s="164"/>
      <c r="M910" s="181"/>
      <c r="N910" s="181"/>
      <c r="O910" s="181"/>
    </row>
    <row r="911" spans="2:15" s="34" customFormat="1">
      <c r="B911" s="72"/>
      <c r="C911" s="144"/>
      <c r="D911" s="144"/>
      <c r="E911" s="31"/>
      <c r="F911" s="31"/>
      <c r="G911" s="164"/>
      <c r="H911" s="164"/>
      <c r="I911" s="164"/>
      <c r="J911" s="164"/>
      <c r="K911" s="164"/>
      <c r="L911" s="164"/>
      <c r="M911" s="181"/>
      <c r="N911" s="181"/>
      <c r="O911" s="181"/>
    </row>
    <row r="912" spans="2:15" s="34" customFormat="1">
      <c r="B912" s="72"/>
      <c r="C912" s="144"/>
      <c r="D912" s="144"/>
      <c r="E912" s="31"/>
      <c r="F912" s="31"/>
      <c r="G912" s="164"/>
      <c r="H912" s="164"/>
      <c r="I912" s="164"/>
      <c r="J912" s="164"/>
      <c r="K912" s="164"/>
      <c r="L912" s="164"/>
      <c r="M912" s="181"/>
      <c r="N912" s="181"/>
      <c r="O912" s="181"/>
    </row>
    <row r="913" spans="2:15" s="34" customFormat="1">
      <c r="B913" s="72"/>
      <c r="C913" s="144"/>
      <c r="D913" s="144"/>
      <c r="E913" s="31"/>
      <c r="F913" s="31"/>
      <c r="G913" s="164"/>
      <c r="H913" s="164"/>
      <c r="I913" s="164"/>
      <c r="J913" s="164"/>
      <c r="K913" s="164"/>
      <c r="L913" s="164"/>
      <c r="M913" s="181"/>
      <c r="N913" s="181"/>
      <c r="O913" s="181"/>
    </row>
    <row r="914" spans="2:15" s="34" customFormat="1">
      <c r="B914" s="72"/>
      <c r="C914" s="144"/>
      <c r="D914" s="144"/>
      <c r="E914" s="31"/>
      <c r="F914" s="31"/>
      <c r="G914" s="164"/>
      <c r="H914" s="164"/>
      <c r="I914" s="164"/>
      <c r="J914" s="164"/>
      <c r="K914" s="164"/>
      <c r="L914" s="164"/>
      <c r="M914" s="181"/>
      <c r="N914" s="181"/>
      <c r="O914" s="181"/>
    </row>
    <row r="915" spans="2:15" s="34" customFormat="1">
      <c r="B915" s="72"/>
      <c r="C915" s="144"/>
      <c r="D915" s="144"/>
      <c r="E915" s="31"/>
      <c r="F915" s="31"/>
      <c r="G915" s="164"/>
      <c r="H915" s="164"/>
      <c r="I915" s="164"/>
      <c r="J915" s="164"/>
      <c r="K915" s="164"/>
      <c r="L915" s="164"/>
      <c r="M915" s="181"/>
      <c r="N915" s="181"/>
      <c r="O915" s="181"/>
    </row>
    <row r="916" spans="2:15" s="34" customFormat="1">
      <c r="B916" s="72"/>
      <c r="C916" s="144"/>
      <c r="D916" s="144"/>
      <c r="E916" s="31"/>
      <c r="F916" s="31"/>
      <c r="G916" s="164"/>
      <c r="H916" s="164"/>
      <c r="I916" s="164"/>
      <c r="J916" s="164"/>
      <c r="K916" s="164"/>
      <c r="L916" s="164"/>
      <c r="M916" s="181"/>
      <c r="N916" s="181"/>
      <c r="O916" s="181"/>
    </row>
    <row r="917" spans="2:15" s="34" customFormat="1">
      <c r="B917" s="72"/>
      <c r="C917" s="144"/>
      <c r="D917" s="144"/>
      <c r="E917" s="31"/>
      <c r="F917" s="31"/>
      <c r="G917" s="164"/>
      <c r="H917" s="164"/>
      <c r="I917" s="164"/>
      <c r="J917" s="164"/>
      <c r="K917" s="164"/>
      <c r="L917" s="164"/>
      <c r="M917" s="181"/>
      <c r="N917" s="181"/>
      <c r="O917" s="181"/>
    </row>
    <row r="918" spans="2:15" s="34" customFormat="1">
      <c r="B918" s="72"/>
      <c r="C918" s="144"/>
      <c r="D918" s="144"/>
      <c r="E918" s="31"/>
      <c r="F918" s="31"/>
      <c r="G918" s="164"/>
      <c r="H918" s="164"/>
      <c r="I918" s="164"/>
      <c r="J918" s="164"/>
      <c r="K918" s="164"/>
      <c r="L918" s="164"/>
      <c r="M918" s="181"/>
      <c r="N918" s="181"/>
      <c r="O918" s="181"/>
    </row>
    <row r="919" spans="2:15" s="34" customFormat="1">
      <c r="B919" s="72"/>
      <c r="C919" s="144"/>
      <c r="D919" s="144"/>
      <c r="E919" s="31"/>
      <c r="F919" s="31"/>
      <c r="G919" s="164"/>
      <c r="H919" s="164"/>
      <c r="I919" s="164"/>
      <c r="J919" s="164"/>
      <c r="K919" s="164"/>
      <c r="L919" s="164"/>
      <c r="M919" s="181"/>
      <c r="N919" s="181"/>
      <c r="O919" s="181"/>
    </row>
    <row r="920" spans="2:15" s="34" customFormat="1">
      <c r="B920" s="72"/>
      <c r="C920" s="144"/>
      <c r="D920" s="144"/>
      <c r="E920" s="31"/>
      <c r="F920" s="31"/>
      <c r="G920" s="164"/>
      <c r="H920" s="164"/>
      <c r="I920" s="164"/>
      <c r="J920" s="164"/>
      <c r="K920" s="164"/>
      <c r="L920" s="164"/>
      <c r="M920" s="181"/>
      <c r="N920" s="181"/>
      <c r="O920" s="181"/>
    </row>
    <row r="921" spans="2:15" s="34" customFormat="1">
      <c r="B921" s="72"/>
      <c r="C921" s="144"/>
      <c r="D921" s="144"/>
      <c r="E921" s="31"/>
      <c r="F921" s="31"/>
      <c r="G921" s="164"/>
      <c r="H921" s="164"/>
      <c r="I921" s="164"/>
      <c r="J921" s="164"/>
      <c r="K921" s="164"/>
      <c r="L921" s="164"/>
      <c r="M921" s="181"/>
      <c r="N921" s="181"/>
      <c r="O921" s="181"/>
    </row>
    <row r="922" spans="2:15" s="34" customFormat="1">
      <c r="B922" s="72"/>
      <c r="C922" s="144"/>
      <c r="D922" s="144"/>
      <c r="E922" s="31"/>
      <c r="F922" s="31"/>
      <c r="G922" s="164"/>
      <c r="H922" s="164"/>
      <c r="I922" s="164"/>
      <c r="J922" s="164"/>
      <c r="K922" s="164"/>
      <c r="L922" s="164"/>
      <c r="M922" s="181"/>
      <c r="N922" s="181"/>
      <c r="O922" s="181"/>
    </row>
    <row r="923" spans="2:15" s="34" customFormat="1">
      <c r="B923" s="72"/>
      <c r="C923" s="144"/>
      <c r="D923" s="144"/>
      <c r="E923" s="31"/>
      <c r="F923" s="31"/>
      <c r="G923" s="164"/>
      <c r="H923" s="164"/>
      <c r="I923" s="164"/>
      <c r="J923" s="164"/>
      <c r="K923" s="164"/>
      <c r="L923" s="164"/>
      <c r="M923" s="181"/>
      <c r="N923" s="181"/>
      <c r="O923" s="181"/>
    </row>
    <row r="924" spans="2:15" s="34" customFormat="1">
      <c r="B924" s="72"/>
      <c r="C924" s="144"/>
      <c r="D924" s="144"/>
      <c r="E924" s="31"/>
      <c r="F924" s="31"/>
      <c r="G924" s="164"/>
      <c r="H924" s="164"/>
      <c r="I924" s="164"/>
      <c r="J924" s="164"/>
      <c r="K924" s="164"/>
      <c r="L924" s="164"/>
      <c r="M924" s="181"/>
      <c r="N924" s="181"/>
      <c r="O924" s="181"/>
    </row>
    <row r="925" spans="2:15" s="34" customFormat="1">
      <c r="B925" s="72"/>
      <c r="C925" s="144"/>
      <c r="D925" s="144"/>
      <c r="E925" s="31"/>
      <c r="F925" s="31"/>
      <c r="G925" s="164"/>
      <c r="H925" s="164"/>
      <c r="I925" s="164"/>
      <c r="J925" s="164"/>
      <c r="K925" s="164"/>
      <c r="L925" s="164"/>
      <c r="M925" s="181"/>
      <c r="N925" s="181"/>
      <c r="O925" s="181"/>
    </row>
    <row r="926" spans="2:15" s="34" customFormat="1">
      <c r="B926" s="72"/>
      <c r="C926" s="144"/>
      <c r="D926" s="144"/>
      <c r="E926" s="31"/>
      <c r="F926" s="31"/>
      <c r="G926" s="164"/>
      <c r="H926" s="164"/>
      <c r="I926" s="164"/>
      <c r="J926" s="164"/>
      <c r="K926" s="164"/>
      <c r="L926" s="164"/>
      <c r="M926" s="181"/>
      <c r="N926" s="181"/>
      <c r="O926" s="181"/>
    </row>
    <row r="927" spans="2:15" s="34" customFormat="1">
      <c r="B927" s="72"/>
      <c r="C927" s="144"/>
      <c r="D927" s="144"/>
      <c r="E927" s="31"/>
      <c r="F927" s="31"/>
      <c r="G927" s="164"/>
      <c r="H927" s="164"/>
      <c r="I927" s="164"/>
      <c r="J927" s="164"/>
      <c r="K927" s="164"/>
      <c r="L927" s="164"/>
      <c r="M927" s="181"/>
      <c r="N927" s="181"/>
      <c r="O927" s="181"/>
    </row>
    <row r="928" spans="2:15" s="34" customFormat="1">
      <c r="B928" s="72"/>
      <c r="C928" s="144"/>
      <c r="D928" s="144"/>
      <c r="E928" s="31"/>
      <c r="F928" s="31"/>
      <c r="G928" s="164"/>
      <c r="H928" s="164"/>
      <c r="I928" s="164"/>
      <c r="J928" s="164"/>
      <c r="K928" s="164"/>
      <c r="L928" s="164"/>
      <c r="M928" s="181"/>
      <c r="N928" s="181"/>
      <c r="O928" s="181"/>
    </row>
    <row r="929" spans="2:15" s="34" customFormat="1">
      <c r="B929" s="72"/>
      <c r="C929" s="144"/>
      <c r="D929" s="144"/>
      <c r="E929" s="31"/>
      <c r="F929" s="31"/>
      <c r="G929" s="164"/>
      <c r="H929" s="164"/>
      <c r="I929" s="164"/>
      <c r="J929" s="164"/>
      <c r="K929" s="164"/>
      <c r="L929" s="164"/>
      <c r="M929" s="181"/>
      <c r="N929" s="181"/>
      <c r="O929" s="181"/>
    </row>
    <row r="930" spans="2:15" s="34" customFormat="1">
      <c r="B930" s="72"/>
      <c r="C930" s="144"/>
      <c r="D930" s="144"/>
      <c r="E930" s="31"/>
      <c r="F930" s="31"/>
      <c r="G930" s="164"/>
      <c r="H930" s="164"/>
      <c r="I930" s="164"/>
      <c r="J930" s="164"/>
      <c r="K930" s="164"/>
      <c r="L930" s="164"/>
      <c r="M930" s="181"/>
      <c r="N930" s="181"/>
      <c r="O930" s="181"/>
    </row>
    <row r="931" spans="2:15" s="34" customFormat="1">
      <c r="B931" s="72"/>
      <c r="C931" s="144"/>
      <c r="D931" s="144"/>
      <c r="E931" s="31"/>
      <c r="F931" s="31"/>
      <c r="G931" s="164"/>
      <c r="H931" s="164"/>
      <c r="I931" s="164"/>
      <c r="J931" s="164"/>
      <c r="K931" s="164"/>
      <c r="L931" s="164"/>
      <c r="M931" s="181"/>
      <c r="N931" s="181"/>
      <c r="O931" s="181"/>
    </row>
    <row r="932" spans="2:15" s="34" customFormat="1">
      <c r="B932" s="72"/>
      <c r="C932" s="144"/>
      <c r="D932" s="144"/>
      <c r="E932" s="31"/>
      <c r="F932" s="31"/>
      <c r="G932" s="164"/>
      <c r="H932" s="164"/>
      <c r="I932" s="164"/>
      <c r="J932" s="164"/>
      <c r="K932" s="164"/>
      <c r="L932" s="164"/>
      <c r="M932" s="181"/>
      <c r="N932" s="181"/>
      <c r="O932" s="181"/>
    </row>
    <row r="933" spans="2:15" s="34" customFormat="1">
      <c r="B933" s="72"/>
      <c r="C933" s="144"/>
      <c r="D933" s="144"/>
      <c r="E933" s="31"/>
      <c r="F933" s="31"/>
      <c r="G933" s="164"/>
      <c r="H933" s="164"/>
      <c r="I933" s="164"/>
      <c r="J933" s="164"/>
      <c r="K933" s="164"/>
      <c r="L933" s="164"/>
      <c r="M933" s="181"/>
      <c r="N933" s="181"/>
      <c r="O933" s="181"/>
    </row>
    <row r="934" spans="2:15" s="34" customFormat="1">
      <c r="B934" s="72"/>
      <c r="C934" s="144"/>
      <c r="D934" s="144"/>
      <c r="E934" s="31"/>
      <c r="F934" s="31"/>
      <c r="G934" s="164"/>
      <c r="H934" s="164"/>
      <c r="I934" s="164"/>
      <c r="J934" s="164"/>
      <c r="K934" s="164"/>
      <c r="L934" s="164"/>
      <c r="M934" s="181"/>
      <c r="N934" s="181"/>
      <c r="O934" s="181"/>
    </row>
    <row r="935" spans="2:15" s="34" customFormat="1">
      <c r="B935" s="72"/>
      <c r="C935" s="144"/>
      <c r="D935" s="144"/>
      <c r="E935" s="31"/>
      <c r="F935" s="31"/>
      <c r="G935" s="164"/>
      <c r="H935" s="164"/>
      <c r="I935" s="164"/>
      <c r="J935" s="164"/>
      <c r="K935" s="164"/>
      <c r="L935" s="164"/>
      <c r="M935" s="181"/>
      <c r="N935" s="181"/>
      <c r="O935" s="181"/>
    </row>
    <row r="936" spans="2:15" s="34" customFormat="1">
      <c r="B936" s="72"/>
      <c r="C936" s="144"/>
      <c r="D936" s="144"/>
      <c r="E936" s="31"/>
      <c r="F936" s="31"/>
      <c r="G936" s="164"/>
      <c r="H936" s="164"/>
      <c r="I936" s="164"/>
      <c r="J936" s="164"/>
      <c r="K936" s="164"/>
      <c r="L936" s="164"/>
      <c r="M936" s="181"/>
      <c r="N936" s="181"/>
      <c r="O936" s="181"/>
    </row>
    <row r="937" spans="2:15" s="34" customFormat="1">
      <c r="B937" s="72"/>
      <c r="C937" s="144"/>
      <c r="D937" s="144"/>
      <c r="E937" s="31"/>
      <c r="F937" s="31"/>
      <c r="G937" s="164"/>
      <c r="H937" s="164"/>
      <c r="I937" s="164"/>
      <c r="J937" s="164"/>
      <c r="K937" s="164"/>
      <c r="L937" s="164"/>
      <c r="M937" s="181"/>
      <c r="N937" s="181"/>
      <c r="O937" s="181"/>
    </row>
    <row r="938" spans="2:15" s="34" customFormat="1">
      <c r="B938" s="72"/>
      <c r="C938" s="144"/>
      <c r="D938" s="144"/>
      <c r="E938" s="31"/>
      <c r="F938" s="31"/>
      <c r="G938" s="164"/>
      <c r="H938" s="164"/>
      <c r="I938" s="164"/>
      <c r="J938" s="164"/>
      <c r="K938" s="164"/>
      <c r="L938" s="164"/>
      <c r="M938" s="181"/>
      <c r="N938" s="181"/>
      <c r="O938" s="181"/>
    </row>
    <row r="939" spans="2:15" s="34" customFormat="1">
      <c r="B939" s="72"/>
      <c r="C939" s="144"/>
      <c r="D939" s="144"/>
      <c r="E939" s="31"/>
      <c r="F939" s="31"/>
      <c r="G939" s="164"/>
      <c r="H939" s="164"/>
      <c r="I939" s="164"/>
      <c r="J939" s="164"/>
      <c r="K939" s="164"/>
      <c r="L939" s="164"/>
      <c r="M939" s="181"/>
      <c r="N939" s="181"/>
      <c r="O939" s="181"/>
    </row>
    <row r="940" spans="2:15" s="34" customFormat="1">
      <c r="B940" s="72"/>
      <c r="C940" s="144"/>
      <c r="D940" s="144"/>
      <c r="E940" s="31"/>
      <c r="F940" s="31"/>
      <c r="G940" s="164"/>
      <c r="H940" s="164"/>
      <c r="I940" s="164"/>
      <c r="J940" s="164"/>
      <c r="K940" s="164"/>
      <c r="L940" s="164"/>
      <c r="M940" s="181"/>
      <c r="N940" s="181"/>
      <c r="O940" s="181"/>
    </row>
    <row r="941" spans="2:15" s="34" customFormat="1">
      <c r="B941" s="72"/>
      <c r="C941" s="144"/>
      <c r="D941" s="144"/>
      <c r="E941" s="31"/>
      <c r="F941" s="31"/>
      <c r="G941" s="164"/>
      <c r="H941" s="164"/>
      <c r="I941" s="164"/>
      <c r="J941" s="164"/>
      <c r="K941" s="164"/>
      <c r="L941" s="164"/>
      <c r="M941" s="181"/>
      <c r="N941" s="181"/>
      <c r="O941" s="181"/>
    </row>
    <row r="942" spans="2:15" s="34" customFormat="1">
      <c r="B942" s="72"/>
      <c r="C942" s="144"/>
      <c r="D942" s="144"/>
      <c r="E942" s="31"/>
      <c r="F942" s="31"/>
      <c r="G942" s="164"/>
      <c r="H942" s="164"/>
      <c r="I942" s="164"/>
      <c r="J942" s="164"/>
      <c r="K942" s="164"/>
      <c r="L942" s="164"/>
      <c r="M942" s="181"/>
      <c r="N942" s="181"/>
      <c r="O942" s="181"/>
    </row>
    <row r="943" spans="2:15" s="34" customFormat="1">
      <c r="B943" s="72"/>
      <c r="C943" s="144"/>
      <c r="D943" s="144"/>
      <c r="E943" s="31"/>
      <c r="F943" s="31"/>
      <c r="G943" s="164"/>
      <c r="H943" s="164"/>
      <c r="I943" s="164"/>
      <c r="J943" s="164"/>
      <c r="K943" s="164"/>
      <c r="L943" s="164"/>
      <c r="M943" s="181"/>
      <c r="N943" s="181"/>
      <c r="O943" s="181"/>
    </row>
    <row r="944" spans="2:15" s="34" customFormat="1">
      <c r="B944" s="72"/>
      <c r="C944" s="144"/>
      <c r="D944" s="144"/>
      <c r="E944" s="31"/>
      <c r="F944" s="31"/>
      <c r="G944" s="164"/>
      <c r="H944" s="164"/>
      <c r="I944" s="164"/>
      <c r="J944" s="164"/>
      <c r="K944" s="164"/>
      <c r="L944" s="164"/>
      <c r="M944" s="181"/>
      <c r="N944" s="181"/>
      <c r="O944" s="181"/>
    </row>
    <row r="945" spans="2:15" s="34" customFormat="1">
      <c r="B945" s="72"/>
      <c r="C945" s="144"/>
      <c r="D945" s="144"/>
      <c r="E945" s="31"/>
      <c r="F945" s="31"/>
      <c r="G945" s="164"/>
      <c r="H945" s="164"/>
      <c r="I945" s="164"/>
      <c r="J945" s="164"/>
      <c r="K945" s="164"/>
      <c r="L945" s="164"/>
      <c r="M945" s="181"/>
      <c r="N945" s="181"/>
      <c r="O945" s="181"/>
    </row>
    <row r="946" spans="2:15" s="34" customFormat="1">
      <c r="B946" s="72"/>
      <c r="C946" s="144"/>
      <c r="D946" s="144"/>
      <c r="E946" s="31"/>
      <c r="F946" s="31"/>
      <c r="G946" s="164"/>
      <c r="H946" s="164"/>
      <c r="I946" s="164"/>
      <c r="J946" s="164"/>
      <c r="K946" s="164"/>
      <c r="L946" s="164"/>
      <c r="M946" s="181"/>
      <c r="N946" s="181"/>
      <c r="O946" s="181"/>
    </row>
    <row r="947" spans="2:15" s="34" customFormat="1">
      <c r="B947" s="72"/>
      <c r="C947" s="144"/>
      <c r="D947" s="144"/>
      <c r="E947" s="31"/>
      <c r="F947" s="31"/>
      <c r="G947" s="164"/>
      <c r="H947" s="164"/>
      <c r="I947" s="164"/>
      <c r="J947" s="164"/>
      <c r="K947" s="164"/>
      <c r="L947" s="164"/>
      <c r="M947" s="181"/>
      <c r="N947" s="181"/>
      <c r="O947" s="181"/>
    </row>
    <row r="948" spans="2:15" s="34" customFormat="1">
      <c r="B948" s="72"/>
      <c r="C948" s="144"/>
      <c r="D948" s="144"/>
      <c r="E948" s="31"/>
      <c r="F948" s="31"/>
      <c r="G948" s="164"/>
      <c r="H948" s="164"/>
      <c r="I948" s="164"/>
      <c r="J948" s="164"/>
      <c r="K948" s="164"/>
      <c r="L948" s="164"/>
      <c r="M948" s="181"/>
      <c r="N948" s="181"/>
      <c r="O948" s="181"/>
    </row>
    <row r="949" spans="2:15" s="34" customFormat="1">
      <c r="B949" s="72"/>
      <c r="C949" s="144"/>
      <c r="D949" s="144"/>
      <c r="E949" s="31"/>
      <c r="F949" s="31"/>
      <c r="G949" s="164"/>
      <c r="H949" s="164"/>
      <c r="I949" s="164"/>
      <c r="J949" s="164"/>
      <c r="K949" s="164"/>
      <c r="L949" s="164"/>
      <c r="M949" s="181"/>
      <c r="N949" s="181"/>
      <c r="O949" s="181"/>
    </row>
    <row r="950" spans="2:15" s="34" customFormat="1">
      <c r="B950" s="72"/>
      <c r="C950" s="144"/>
      <c r="D950" s="144"/>
      <c r="E950" s="31"/>
      <c r="F950" s="31"/>
      <c r="G950" s="164"/>
      <c r="H950" s="164"/>
      <c r="I950" s="164"/>
      <c r="J950" s="164"/>
      <c r="K950" s="164"/>
      <c r="L950" s="164"/>
      <c r="M950" s="181"/>
      <c r="N950" s="181"/>
      <c r="O950" s="181"/>
    </row>
    <row r="951" spans="2:15" s="34" customFormat="1">
      <c r="B951" s="72"/>
      <c r="C951" s="144"/>
      <c r="D951" s="144"/>
      <c r="E951" s="31"/>
      <c r="F951" s="31"/>
      <c r="G951" s="164"/>
      <c r="H951" s="164"/>
      <c r="I951" s="164"/>
      <c r="J951" s="164"/>
      <c r="K951" s="164"/>
      <c r="L951" s="164"/>
      <c r="M951" s="181"/>
      <c r="N951" s="181"/>
      <c r="O951" s="181"/>
    </row>
    <row r="952" spans="2:15" s="34" customFormat="1">
      <c r="B952" s="72"/>
      <c r="C952" s="144"/>
      <c r="D952" s="144"/>
      <c r="E952" s="31"/>
      <c r="F952" s="31"/>
      <c r="G952" s="164"/>
      <c r="H952" s="164"/>
      <c r="I952" s="164"/>
      <c r="J952" s="164"/>
      <c r="K952" s="164"/>
      <c r="L952" s="164"/>
      <c r="M952" s="181"/>
      <c r="N952" s="181"/>
      <c r="O952" s="181"/>
    </row>
    <row r="953" spans="2:15" s="34" customFormat="1">
      <c r="B953" s="72"/>
      <c r="C953" s="144"/>
      <c r="D953" s="144"/>
      <c r="E953" s="31"/>
      <c r="F953" s="31"/>
      <c r="G953" s="164"/>
      <c r="H953" s="164"/>
      <c r="I953" s="164"/>
      <c r="J953" s="164"/>
      <c r="K953" s="164"/>
      <c r="L953" s="164"/>
      <c r="M953" s="181"/>
      <c r="N953" s="181"/>
      <c r="O953" s="181"/>
    </row>
    <row r="954" spans="2:15" s="34" customFormat="1">
      <c r="B954" s="72"/>
      <c r="C954" s="144"/>
      <c r="D954" s="144"/>
      <c r="E954" s="31"/>
      <c r="F954" s="31"/>
      <c r="G954" s="164"/>
      <c r="H954" s="164"/>
      <c r="I954" s="164"/>
      <c r="J954" s="164"/>
      <c r="K954" s="164"/>
      <c r="L954" s="164"/>
      <c r="M954" s="181"/>
      <c r="N954" s="181"/>
      <c r="O954" s="181"/>
    </row>
    <row r="955" spans="2:15" s="34" customFormat="1">
      <c r="B955" s="72"/>
      <c r="C955" s="144"/>
      <c r="D955" s="144"/>
      <c r="E955" s="31"/>
      <c r="F955" s="31"/>
      <c r="G955" s="164"/>
      <c r="H955" s="164"/>
      <c r="I955" s="164"/>
      <c r="J955" s="164"/>
      <c r="K955" s="164"/>
      <c r="L955" s="164"/>
      <c r="M955" s="181"/>
      <c r="N955" s="181"/>
      <c r="O955" s="181"/>
    </row>
    <row r="956" spans="2:15" s="34" customFormat="1">
      <c r="B956" s="72"/>
      <c r="C956" s="144"/>
      <c r="D956" s="144"/>
      <c r="E956" s="31"/>
      <c r="F956" s="31"/>
      <c r="G956" s="164"/>
      <c r="H956" s="164"/>
      <c r="I956" s="164"/>
      <c r="J956" s="164"/>
      <c r="K956" s="164"/>
      <c r="L956" s="164"/>
      <c r="M956" s="181"/>
      <c r="N956" s="181"/>
      <c r="O956" s="181"/>
    </row>
    <row r="957" spans="2:15" s="34" customFormat="1">
      <c r="B957" s="72"/>
      <c r="C957" s="144"/>
      <c r="D957" s="144"/>
      <c r="E957" s="31"/>
      <c r="F957" s="31"/>
      <c r="G957" s="164"/>
      <c r="H957" s="164"/>
      <c r="I957" s="164"/>
      <c r="J957" s="164"/>
      <c r="K957" s="164"/>
      <c r="L957" s="164"/>
      <c r="M957" s="181"/>
      <c r="N957" s="181"/>
      <c r="O957" s="181"/>
    </row>
    <row r="958" spans="2:15" s="34" customFormat="1">
      <c r="B958" s="72"/>
      <c r="C958" s="144"/>
      <c r="D958" s="144"/>
      <c r="E958" s="31"/>
      <c r="F958" s="31"/>
      <c r="G958" s="164"/>
      <c r="H958" s="164"/>
      <c r="I958" s="164"/>
      <c r="J958" s="164"/>
      <c r="K958" s="164"/>
      <c r="L958" s="164"/>
      <c r="M958" s="181"/>
      <c r="N958" s="181"/>
      <c r="O958" s="181"/>
    </row>
    <row r="959" spans="2:15" s="34" customFormat="1">
      <c r="B959" s="72"/>
      <c r="C959" s="144"/>
      <c r="D959" s="144"/>
      <c r="E959" s="31"/>
      <c r="F959" s="31"/>
      <c r="G959" s="164"/>
      <c r="H959" s="164"/>
      <c r="I959" s="164"/>
      <c r="J959" s="164"/>
      <c r="K959" s="164"/>
      <c r="L959" s="164"/>
      <c r="M959" s="181"/>
      <c r="N959" s="181"/>
      <c r="O959" s="181"/>
    </row>
    <row r="960" spans="2:15" s="34" customFormat="1">
      <c r="B960" s="72"/>
      <c r="C960" s="144"/>
      <c r="D960" s="144"/>
      <c r="E960" s="31"/>
      <c r="F960" s="31"/>
      <c r="G960" s="164"/>
      <c r="H960" s="164"/>
      <c r="I960" s="164"/>
      <c r="J960" s="164"/>
      <c r="K960" s="164"/>
      <c r="L960" s="164"/>
      <c r="M960" s="181"/>
      <c r="N960" s="181"/>
      <c r="O960" s="181"/>
    </row>
    <row r="961" spans="2:15" s="34" customFormat="1">
      <c r="B961" s="72"/>
      <c r="C961" s="144"/>
      <c r="D961" s="144"/>
      <c r="E961" s="31"/>
      <c r="F961" s="31"/>
      <c r="G961" s="164"/>
      <c r="H961" s="164"/>
      <c r="I961" s="164"/>
      <c r="J961" s="164"/>
      <c r="K961" s="164"/>
      <c r="L961" s="164"/>
      <c r="M961" s="181"/>
      <c r="N961" s="181"/>
      <c r="O961" s="181"/>
    </row>
    <row r="962" spans="2:15" s="34" customFormat="1">
      <c r="B962" s="72"/>
      <c r="C962" s="144"/>
      <c r="D962" s="144"/>
      <c r="E962" s="31"/>
      <c r="F962" s="31"/>
      <c r="G962" s="164"/>
      <c r="H962" s="164"/>
      <c r="I962" s="164"/>
      <c r="J962" s="164"/>
      <c r="K962" s="164"/>
      <c r="L962" s="164"/>
      <c r="M962" s="181"/>
      <c r="N962" s="181"/>
      <c r="O962" s="181"/>
    </row>
    <row r="963" spans="2:15" s="34" customFormat="1">
      <c r="B963" s="72"/>
      <c r="C963" s="144"/>
      <c r="D963" s="144"/>
      <c r="E963" s="31"/>
      <c r="F963" s="31"/>
      <c r="G963" s="164"/>
      <c r="H963" s="164"/>
      <c r="I963" s="164"/>
      <c r="J963" s="164"/>
      <c r="K963" s="164"/>
      <c r="L963" s="164"/>
      <c r="M963" s="181"/>
      <c r="N963" s="181"/>
      <c r="O963" s="181"/>
    </row>
    <row r="964" spans="2:15" s="34" customFormat="1">
      <c r="B964" s="72"/>
      <c r="C964" s="144"/>
      <c r="D964" s="144"/>
      <c r="E964" s="31"/>
      <c r="F964" s="31"/>
      <c r="G964" s="164"/>
      <c r="H964" s="164"/>
      <c r="I964" s="164"/>
      <c r="J964" s="164"/>
      <c r="K964" s="164"/>
      <c r="L964" s="164"/>
      <c r="M964" s="181"/>
      <c r="N964" s="181"/>
      <c r="O964" s="181"/>
    </row>
    <row r="965" spans="2:15" s="34" customFormat="1">
      <c r="B965" s="72"/>
      <c r="C965" s="144"/>
      <c r="D965" s="144"/>
      <c r="E965" s="31"/>
      <c r="F965" s="31"/>
      <c r="G965" s="164"/>
      <c r="H965" s="164"/>
      <c r="I965" s="164"/>
      <c r="J965" s="164"/>
      <c r="K965" s="164"/>
      <c r="L965" s="164"/>
      <c r="M965" s="181"/>
      <c r="N965" s="181"/>
      <c r="O965" s="181"/>
    </row>
    <row r="966" spans="2:15" s="34" customFormat="1">
      <c r="B966" s="72"/>
      <c r="C966" s="144"/>
      <c r="D966" s="144"/>
      <c r="E966" s="31"/>
      <c r="F966" s="31"/>
      <c r="G966" s="164"/>
      <c r="H966" s="164"/>
      <c r="I966" s="164"/>
      <c r="J966" s="164"/>
      <c r="K966" s="164"/>
      <c r="L966" s="164"/>
      <c r="M966" s="181"/>
      <c r="N966" s="181"/>
      <c r="O966" s="181"/>
    </row>
    <row r="967" spans="2:15" s="34" customFormat="1">
      <c r="B967" s="72"/>
      <c r="C967" s="144"/>
      <c r="D967" s="144"/>
      <c r="E967" s="31"/>
      <c r="F967" s="31"/>
      <c r="G967" s="164"/>
      <c r="H967" s="164"/>
      <c r="I967" s="164"/>
      <c r="J967" s="164"/>
      <c r="K967" s="164"/>
      <c r="L967" s="164"/>
      <c r="M967" s="181"/>
      <c r="N967" s="181"/>
      <c r="O967" s="181"/>
    </row>
    <row r="968" spans="2:15" s="34" customFormat="1">
      <c r="B968" s="72"/>
      <c r="C968" s="144"/>
      <c r="D968" s="144"/>
      <c r="E968" s="31"/>
      <c r="F968" s="31"/>
      <c r="G968" s="164"/>
      <c r="H968" s="164"/>
      <c r="I968" s="164"/>
      <c r="J968" s="164"/>
      <c r="K968" s="164"/>
      <c r="L968" s="164"/>
      <c r="M968" s="181"/>
      <c r="N968" s="181"/>
      <c r="O968" s="181"/>
    </row>
    <row r="969" spans="2:15" s="34" customFormat="1">
      <c r="B969" s="72"/>
      <c r="C969" s="144"/>
      <c r="D969" s="144"/>
      <c r="E969" s="31"/>
      <c r="F969" s="31"/>
      <c r="G969" s="164"/>
      <c r="H969" s="164"/>
      <c r="I969" s="164"/>
      <c r="J969" s="164"/>
      <c r="K969" s="164"/>
      <c r="L969" s="164"/>
      <c r="M969" s="181"/>
      <c r="N969" s="181"/>
      <c r="O969" s="181"/>
    </row>
    <row r="970" spans="2:15" s="34" customFormat="1">
      <c r="B970" s="72"/>
      <c r="C970" s="144"/>
      <c r="D970" s="144"/>
      <c r="E970" s="31"/>
      <c r="F970" s="31"/>
      <c r="G970" s="164"/>
      <c r="H970" s="164"/>
      <c r="I970" s="164"/>
      <c r="J970" s="164"/>
      <c r="K970" s="164"/>
      <c r="L970" s="164"/>
      <c r="M970" s="181"/>
      <c r="N970" s="181"/>
      <c r="O970" s="181"/>
    </row>
    <row r="971" spans="2:15" s="34" customFormat="1">
      <c r="B971" s="72"/>
      <c r="C971" s="144"/>
      <c r="D971" s="144"/>
      <c r="E971" s="31"/>
      <c r="F971" s="31"/>
      <c r="G971" s="164"/>
      <c r="H971" s="164"/>
      <c r="I971" s="164"/>
      <c r="J971" s="164"/>
      <c r="K971" s="164"/>
      <c r="L971" s="164"/>
      <c r="M971" s="181"/>
      <c r="N971" s="181"/>
      <c r="O971" s="181"/>
    </row>
    <row r="972" spans="2:15" s="34" customFormat="1">
      <c r="B972" s="72"/>
      <c r="C972" s="144"/>
      <c r="D972" s="144"/>
      <c r="E972" s="31"/>
      <c r="F972" s="31"/>
      <c r="G972" s="164"/>
      <c r="H972" s="164"/>
      <c r="I972" s="164"/>
      <c r="J972" s="164"/>
      <c r="K972" s="164"/>
      <c r="L972" s="164"/>
      <c r="M972" s="181"/>
      <c r="N972" s="181"/>
      <c r="O972" s="181"/>
    </row>
    <row r="973" spans="2:15" s="34" customFormat="1">
      <c r="B973" s="72"/>
      <c r="C973" s="144"/>
      <c r="D973" s="144"/>
      <c r="E973" s="31"/>
      <c r="F973" s="31"/>
      <c r="G973" s="164"/>
      <c r="H973" s="164"/>
      <c r="I973" s="164"/>
      <c r="J973" s="164"/>
      <c r="K973" s="164"/>
      <c r="L973" s="164"/>
      <c r="M973" s="181"/>
      <c r="N973" s="181"/>
      <c r="O973" s="181"/>
    </row>
    <row r="974" spans="2:15" s="34" customFormat="1">
      <c r="B974" s="72"/>
      <c r="C974" s="144"/>
      <c r="D974" s="144"/>
      <c r="E974" s="31"/>
      <c r="F974" s="31"/>
      <c r="G974" s="164"/>
      <c r="H974" s="164"/>
      <c r="I974" s="164"/>
      <c r="J974" s="164"/>
      <c r="K974" s="164"/>
      <c r="L974" s="164"/>
      <c r="M974" s="181"/>
      <c r="N974" s="181"/>
      <c r="O974" s="181"/>
    </row>
    <row r="975" spans="2:15" s="34" customFormat="1">
      <c r="B975" s="72"/>
      <c r="C975" s="144"/>
      <c r="D975" s="144"/>
      <c r="E975" s="31"/>
      <c r="F975" s="31"/>
      <c r="G975" s="164"/>
      <c r="H975" s="164"/>
      <c r="I975" s="164"/>
      <c r="J975" s="164"/>
      <c r="K975" s="164"/>
      <c r="L975" s="164"/>
      <c r="M975" s="181"/>
      <c r="N975" s="181"/>
      <c r="O975" s="181"/>
    </row>
    <row r="976" spans="2:15" s="34" customFormat="1">
      <c r="B976" s="72"/>
      <c r="C976" s="144"/>
      <c r="D976" s="144"/>
      <c r="E976" s="31"/>
      <c r="F976" s="31"/>
      <c r="G976" s="164"/>
      <c r="H976" s="164"/>
      <c r="I976" s="164"/>
      <c r="J976" s="164"/>
      <c r="K976" s="164"/>
      <c r="L976" s="164"/>
      <c r="M976" s="181"/>
      <c r="N976" s="181"/>
      <c r="O976" s="181"/>
    </row>
    <row r="977" spans="2:15" s="34" customFormat="1">
      <c r="B977" s="72"/>
      <c r="C977" s="144"/>
      <c r="D977" s="144"/>
      <c r="E977" s="31"/>
      <c r="F977" s="31"/>
      <c r="G977" s="164"/>
      <c r="H977" s="164"/>
      <c r="I977" s="164"/>
      <c r="J977" s="164"/>
      <c r="K977" s="164"/>
      <c r="L977" s="164"/>
      <c r="M977" s="181"/>
      <c r="N977" s="181"/>
      <c r="O977" s="181"/>
    </row>
    <row r="978" spans="2:15" s="34" customFormat="1">
      <c r="B978" s="72"/>
      <c r="C978" s="144"/>
      <c r="D978" s="144"/>
      <c r="E978" s="31"/>
      <c r="F978" s="31"/>
      <c r="G978" s="164"/>
      <c r="H978" s="164"/>
      <c r="I978" s="164"/>
      <c r="J978" s="164"/>
      <c r="K978" s="164"/>
      <c r="L978" s="164"/>
      <c r="M978" s="181"/>
      <c r="N978" s="181"/>
      <c r="O978" s="181"/>
    </row>
    <row r="979" spans="2:15" s="34" customFormat="1">
      <c r="B979" s="72"/>
      <c r="C979" s="144"/>
      <c r="D979" s="144"/>
      <c r="E979" s="31"/>
      <c r="F979" s="31"/>
      <c r="G979" s="164"/>
      <c r="H979" s="164"/>
      <c r="I979" s="164"/>
      <c r="J979" s="164"/>
      <c r="K979" s="164"/>
      <c r="L979" s="164"/>
      <c r="M979" s="181"/>
      <c r="N979" s="181"/>
      <c r="O979" s="181"/>
    </row>
    <row r="980" spans="2:15" s="34" customFormat="1">
      <c r="B980" s="72"/>
      <c r="C980" s="144"/>
      <c r="D980" s="144"/>
      <c r="E980" s="31"/>
      <c r="F980" s="31"/>
      <c r="G980" s="164"/>
      <c r="H980" s="164"/>
      <c r="I980" s="164"/>
      <c r="J980" s="164"/>
      <c r="K980" s="164"/>
      <c r="L980" s="164"/>
      <c r="M980" s="181"/>
      <c r="N980" s="181"/>
      <c r="O980" s="181"/>
    </row>
    <row r="981" spans="2:15" s="34" customFormat="1">
      <c r="B981" s="72"/>
      <c r="C981" s="144"/>
      <c r="D981" s="144"/>
      <c r="E981" s="31"/>
      <c r="F981" s="31"/>
      <c r="G981" s="164"/>
      <c r="H981" s="164"/>
      <c r="I981" s="164"/>
      <c r="J981" s="164"/>
      <c r="K981" s="164"/>
      <c r="L981" s="164"/>
      <c r="M981" s="181"/>
      <c r="N981" s="181"/>
      <c r="O981" s="181"/>
    </row>
    <row r="982" spans="2:15" s="34" customFormat="1">
      <c r="B982" s="72"/>
      <c r="C982" s="144"/>
      <c r="D982" s="144"/>
      <c r="E982" s="31"/>
      <c r="F982" s="31"/>
      <c r="G982" s="164"/>
      <c r="H982" s="164"/>
      <c r="I982" s="164"/>
      <c r="J982" s="164"/>
      <c r="K982" s="164"/>
      <c r="L982" s="164"/>
      <c r="M982" s="181"/>
      <c r="N982" s="181"/>
      <c r="O982" s="181"/>
    </row>
    <row r="983" spans="2:15" s="34" customFormat="1">
      <c r="B983" s="72"/>
      <c r="C983" s="144"/>
      <c r="D983" s="144"/>
      <c r="E983" s="31"/>
      <c r="F983" s="31"/>
      <c r="G983" s="164"/>
      <c r="H983" s="164"/>
      <c r="I983" s="164"/>
      <c r="J983" s="164"/>
      <c r="K983" s="164"/>
      <c r="L983" s="164"/>
      <c r="M983" s="181"/>
      <c r="N983" s="181"/>
      <c r="O983" s="181"/>
    </row>
    <row r="984" spans="2:15" s="34" customFormat="1">
      <c r="B984" s="72"/>
      <c r="C984" s="144"/>
      <c r="D984" s="144"/>
      <c r="E984" s="31"/>
      <c r="F984" s="31"/>
      <c r="G984" s="164"/>
      <c r="H984" s="164"/>
      <c r="I984" s="164"/>
      <c r="J984" s="164"/>
      <c r="K984" s="164"/>
      <c r="L984" s="164"/>
      <c r="M984" s="181"/>
      <c r="N984" s="181"/>
      <c r="O984" s="181"/>
    </row>
    <row r="985" spans="2:15" s="34" customFormat="1">
      <c r="B985" s="72"/>
      <c r="C985" s="144"/>
      <c r="D985" s="144"/>
      <c r="E985" s="31"/>
      <c r="F985" s="31"/>
      <c r="G985" s="164"/>
      <c r="H985" s="164"/>
      <c r="I985" s="164"/>
      <c r="J985" s="164"/>
      <c r="K985" s="164"/>
      <c r="L985" s="164"/>
      <c r="M985" s="181"/>
      <c r="N985" s="181"/>
      <c r="O985" s="181"/>
    </row>
    <row r="986" spans="2:15" s="34" customFormat="1">
      <c r="B986" s="72"/>
      <c r="C986" s="144"/>
      <c r="D986" s="144"/>
      <c r="E986" s="31"/>
      <c r="F986" s="31"/>
      <c r="G986" s="164"/>
      <c r="H986" s="164"/>
      <c r="I986" s="164"/>
      <c r="J986" s="164"/>
      <c r="K986" s="164"/>
      <c r="L986" s="164"/>
      <c r="M986" s="181"/>
      <c r="N986" s="181"/>
      <c r="O986" s="181"/>
    </row>
    <row r="987" spans="2:15" s="34" customFormat="1">
      <c r="B987" s="72"/>
      <c r="C987" s="144"/>
      <c r="D987" s="144"/>
      <c r="E987" s="31"/>
      <c r="F987" s="31"/>
      <c r="G987" s="164"/>
      <c r="H987" s="164"/>
      <c r="I987" s="164"/>
      <c r="J987" s="164"/>
      <c r="K987" s="164"/>
      <c r="L987" s="164"/>
      <c r="M987" s="181"/>
      <c r="N987" s="181"/>
      <c r="O987" s="181"/>
    </row>
    <row r="988" spans="2:15" s="34" customFormat="1">
      <c r="B988" s="72"/>
      <c r="C988" s="144"/>
      <c r="D988" s="144"/>
      <c r="E988" s="31"/>
      <c r="F988" s="31"/>
      <c r="G988" s="164"/>
      <c r="H988" s="164"/>
      <c r="I988" s="164"/>
      <c r="J988" s="164"/>
      <c r="K988" s="164"/>
      <c r="L988" s="164"/>
      <c r="M988" s="181"/>
      <c r="N988" s="181"/>
      <c r="O988" s="181"/>
    </row>
    <row r="989" spans="2:15" s="34" customFormat="1">
      <c r="B989" s="72"/>
      <c r="C989" s="144"/>
      <c r="D989" s="144"/>
      <c r="E989" s="31"/>
      <c r="F989" s="31"/>
      <c r="G989" s="164"/>
      <c r="H989" s="164"/>
      <c r="I989" s="164"/>
      <c r="J989" s="164"/>
      <c r="K989" s="164"/>
      <c r="L989" s="164"/>
      <c r="M989" s="181"/>
      <c r="N989" s="181"/>
      <c r="O989" s="181"/>
    </row>
    <row r="990" spans="2:15" s="34" customFormat="1">
      <c r="B990" s="72"/>
      <c r="C990" s="144"/>
      <c r="D990" s="144"/>
      <c r="E990" s="31"/>
      <c r="F990" s="31"/>
      <c r="G990" s="164"/>
      <c r="H990" s="164"/>
      <c r="I990" s="164"/>
      <c r="J990" s="164"/>
      <c r="K990" s="164"/>
      <c r="L990" s="164"/>
      <c r="M990" s="181"/>
      <c r="N990" s="181"/>
      <c r="O990" s="181"/>
    </row>
    <row r="991" spans="2:15" s="34" customFormat="1">
      <c r="B991" s="72"/>
      <c r="C991" s="144"/>
      <c r="D991" s="144"/>
      <c r="E991" s="31"/>
      <c r="F991" s="31"/>
      <c r="G991" s="164"/>
      <c r="H991" s="164"/>
      <c r="I991" s="164"/>
      <c r="J991" s="164"/>
      <c r="K991" s="164"/>
      <c r="L991" s="164"/>
      <c r="M991" s="181"/>
      <c r="N991" s="181"/>
      <c r="O991" s="181"/>
    </row>
    <row r="992" spans="2:15" s="34" customFormat="1">
      <c r="B992" s="72"/>
      <c r="C992" s="144"/>
      <c r="D992" s="144"/>
      <c r="E992" s="31"/>
      <c r="F992" s="31"/>
      <c r="G992" s="164"/>
      <c r="H992" s="164"/>
      <c r="I992" s="164"/>
      <c r="J992" s="164"/>
      <c r="K992" s="164"/>
      <c r="L992" s="164"/>
      <c r="M992" s="181"/>
      <c r="N992" s="181"/>
      <c r="O992" s="181"/>
    </row>
    <row r="993" spans="2:15" s="34" customFormat="1">
      <c r="B993" s="72"/>
      <c r="C993" s="144"/>
      <c r="D993" s="144"/>
      <c r="E993" s="31"/>
      <c r="F993" s="31"/>
      <c r="G993" s="164"/>
      <c r="H993" s="164"/>
      <c r="I993" s="164"/>
      <c r="J993" s="164"/>
      <c r="K993" s="164"/>
      <c r="L993" s="164"/>
      <c r="M993" s="181"/>
      <c r="N993" s="181"/>
      <c r="O993" s="181"/>
    </row>
    <row r="994" spans="2:15" s="34" customFormat="1">
      <c r="B994" s="72"/>
      <c r="C994" s="144"/>
      <c r="D994" s="144"/>
      <c r="E994" s="31"/>
      <c r="F994" s="31"/>
      <c r="G994" s="164"/>
      <c r="H994" s="164"/>
      <c r="I994" s="164"/>
      <c r="J994" s="164"/>
      <c r="K994" s="164"/>
      <c r="L994" s="164"/>
      <c r="M994" s="181"/>
      <c r="N994" s="181"/>
      <c r="O994" s="181"/>
    </row>
    <row r="995" spans="2:15" s="34" customFormat="1">
      <c r="B995" s="72"/>
      <c r="C995" s="144"/>
      <c r="D995" s="144"/>
      <c r="E995" s="31"/>
      <c r="F995" s="31"/>
      <c r="G995" s="164"/>
      <c r="H995" s="164"/>
      <c r="I995" s="164"/>
      <c r="J995" s="164"/>
      <c r="K995" s="164"/>
      <c r="L995" s="164"/>
      <c r="M995" s="181"/>
      <c r="N995" s="181"/>
      <c r="O995" s="181"/>
    </row>
    <row r="996" spans="2:15" s="34" customFormat="1">
      <c r="B996" s="72"/>
      <c r="C996" s="144"/>
      <c r="D996" s="144"/>
      <c r="E996" s="31"/>
      <c r="F996" s="31"/>
      <c r="G996" s="164"/>
      <c r="H996" s="164"/>
      <c r="I996" s="164"/>
      <c r="J996" s="164"/>
      <c r="K996" s="164"/>
      <c r="L996" s="164"/>
      <c r="M996" s="181"/>
      <c r="N996" s="181"/>
      <c r="O996" s="181"/>
    </row>
    <row r="997" spans="2:15" s="34" customFormat="1">
      <c r="B997" s="72"/>
      <c r="C997" s="144"/>
      <c r="D997" s="144"/>
      <c r="E997" s="31"/>
      <c r="F997" s="31"/>
      <c r="G997" s="164"/>
      <c r="H997" s="164"/>
      <c r="I997" s="164"/>
      <c r="J997" s="164"/>
      <c r="K997" s="164"/>
      <c r="L997" s="164"/>
      <c r="M997" s="181"/>
      <c r="N997" s="181"/>
      <c r="O997" s="181"/>
    </row>
    <row r="998" spans="2:15" s="34" customFormat="1">
      <c r="B998" s="72"/>
      <c r="C998" s="144"/>
      <c r="D998" s="144"/>
      <c r="E998" s="31"/>
      <c r="F998" s="31"/>
      <c r="G998" s="164"/>
      <c r="H998" s="164"/>
      <c r="I998" s="164"/>
      <c r="J998" s="164"/>
      <c r="K998" s="164"/>
      <c r="L998" s="164"/>
      <c r="M998" s="181"/>
      <c r="N998" s="181"/>
      <c r="O998" s="181"/>
    </row>
    <row r="999" spans="2:15" s="34" customFormat="1">
      <c r="B999" s="72"/>
      <c r="C999" s="144"/>
      <c r="D999" s="144"/>
      <c r="E999" s="31"/>
      <c r="F999" s="31"/>
      <c r="G999" s="164"/>
      <c r="H999" s="164"/>
      <c r="I999" s="164"/>
      <c r="J999" s="164"/>
      <c r="K999" s="164"/>
      <c r="L999" s="164"/>
      <c r="M999" s="181"/>
      <c r="N999" s="181"/>
      <c r="O999" s="181"/>
    </row>
    <row r="1000" spans="2:15" s="34" customFormat="1">
      <c r="B1000" s="72"/>
      <c r="C1000" s="144"/>
      <c r="D1000" s="144"/>
      <c r="E1000" s="31"/>
      <c r="F1000" s="31"/>
      <c r="G1000" s="164"/>
      <c r="H1000" s="164"/>
      <c r="I1000" s="164"/>
      <c r="J1000" s="164"/>
      <c r="K1000" s="164"/>
      <c r="L1000" s="164"/>
      <c r="M1000" s="181"/>
      <c r="N1000" s="181"/>
      <c r="O1000" s="181"/>
    </row>
    <row r="1001" spans="2:15" s="34" customFormat="1">
      <c r="B1001" s="72"/>
      <c r="C1001" s="144"/>
      <c r="D1001" s="144"/>
      <c r="E1001" s="31"/>
      <c r="F1001" s="31"/>
      <c r="G1001" s="164"/>
      <c r="H1001" s="164"/>
      <c r="I1001" s="164"/>
      <c r="J1001" s="164"/>
      <c r="K1001" s="164"/>
      <c r="L1001" s="164"/>
      <c r="M1001" s="181"/>
      <c r="N1001" s="181"/>
      <c r="O1001" s="181"/>
    </row>
    <row r="1002" spans="2:15" s="34" customFormat="1">
      <c r="B1002" s="72"/>
      <c r="C1002" s="144"/>
      <c r="D1002" s="144"/>
      <c r="E1002" s="31"/>
      <c r="F1002" s="31"/>
      <c r="G1002" s="164"/>
      <c r="H1002" s="164"/>
      <c r="I1002" s="164"/>
      <c r="J1002" s="164"/>
      <c r="K1002" s="164"/>
      <c r="L1002" s="164"/>
      <c r="M1002" s="181"/>
      <c r="N1002" s="181"/>
      <c r="O1002" s="181"/>
    </row>
    <row r="1003" spans="2:15" s="34" customFormat="1">
      <c r="B1003" s="72"/>
      <c r="C1003" s="144"/>
      <c r="D1003" s="144"/>
      <c r="E1003" s="31"/>
      <c r="F1003" s="31"/>
      <c r="G1003" s="164"/>
      <c r="H1003" s="164"/>
      <c r="I1003" s="164"/>
      <c r="J1003" s="164"/>
      <c r="K1003" s="164"/>
      <c r="L1003" s="164"/>
      <c r="M1003" s="181"/>
      <c r="N1003" s="181"/>
      <c r="O1003" s="181"/>
    </row>
    <row r="1004" spans="2:15" s="34" customFormat="1">
      <c r="B1004" s="72"/>
      <c r="C1004" s="144"/>
      <c r="D1004" s="144"/>
      <c r="E1004" s="31"/>
      <c r="F1004" s="31"/>
      <c r="G1004" s="164"/>
      <c r="H1004" s="164"/>
      <c r="I1004" s="164"/>
      <c r="J1004" s="164"/>
      <c r="K1004" s="164"/>
      <c r="L1004" s="164"/>
      <c r="M1004" s="181"/>
      <c r="N1004" s="181"/>
      <c r="O1004" s="181"/>
    </row>
    <row r="1005" spans="2:15" s="34" customFormat="1">
      <c r="B1005" s="72"/>
      <c r="C1005" s="144"/>
      <c r="D1005" s="144"/>
      <c r="E1005" s="31"/>
      <c r="F1005" s="31"/>
      <c r="G1005" s="164"/>
      <c r="H1005" s="164"/>
      <c r="I1005" s="164"/>
      <c r="J1005" s="164"/>
      <c r="K1005" s="164"/>
      <c r="L1005" s="164"/>
      <c r="M1005" s="181"/>
      <c r="N1005" s="181"/>
      <c r="O1005" s="181"/>
    </row>
    <row r="1006" spans="2:15" s="34" customFormat="1">
      <c r="B1006" s="72"/>
      <c r="C1006" s="144"/>
      <c r="D1006" s="144"/>
      <c r="E1006" s="31"/>
      <c r="F1006" s="31"/>
      <c r="G1006" s="164"/>
      <c r="H1006" s="164"/>
      <c r="I1006" s="164"/>
      <c r="J1006" s="164"/>
      <c r="K1006" s="164"/>
      <c r="L1006" s="164"/>
      <c r="M1006" s="181"/>
      <c r="N1006" s="181"/>
      <c r="O1006" s="181"/>
    </row>
    <row r="1007" spans="2:15">
      <c r="B1007" s="1"/>
    </row>
    <row r="1008" spans="2:15">
      <c r="B1008" s="1"/>
    </row>
    <row r="1009" spans="2:2">
      <c r="B1009" s="1"/>
    </row>
    <row r="1010" spans="2:2">
      <c r="B1010" s="1"/>
    </row>
    <row r="1011" spans="2:2">
      <c r="B1011" s="1"/>
    </row>
    <row r="1012" spans="2:2">
      <c r="B1012" s="1"/>
    </row>
  </sheetData>
  <mergeCells count="594">
    <mergeCell ref="B99:B101"/>
    <mergeCell ref="M162:M165"/>
    <mergeCell ref="N162:N165"/>
    <mergeCell ref="O162:O165"/>
    <mergeCell ref="B158:B161"/>
    <mergeCell ref="A158:A161"/>
    <mergeCell ref="B162:B165"/>
    <mergeCell ref="A162:A165"/>
    <mergeCell ref="D162:D165"/>
    <mergeCell ref="E162:E165"/>
    <mergeCell ref="F162:F165"/>
    <mergeCell ref="G162:G165"/>
    <mergeCell ref="H162:H165"/>
    <mergeCell ref="I162:I165"/>
    <mergeCell ref="J162:J165"/>
    <mergeCell ref="K162:K165"/>
    <mergeCell ref="L162:L165"/>
    <mergeCell ref="L109:L112"/>
    <mergeCell ref="M109:M112"/>
    <mergeCell ref="N109:N112"/>
    <mergeCell ref="O109:O112"/>
    <mergeCell ref="I113:I118"/>
    <mergeCell ref="L113:L118"/>
    <mergeCell ref="C109:C124"/>
    <mergeCell ref="A87:A88"/>
    <mergeCell ref="C6:O6"/>
    <mergeCell ref="C133:C137"/>
    <mergeCell ref="D133:D137"/>
    <mergeCell ref="E133:E137"/>
    <mergeCell ref="F133:F137"/>
    <mergeCell ref="G133:G137"/>
    <mergeCell ref="H133:H137"/>
    <mergeCell ref="I133:I137"/>
    <mergeCell ref="J133:J137"/>
    <mergeCell ref="K133:K137"/>
    <mergeCell ref="A38:A41"/>
    <mergeCell ref="A34:A37"/>
    <mergeCell ref="F42:F51"/>
    <mergeCell ref="G42:G51"/>
    <mergeCell ref="M42:M51"/>
    <mergeCell ref="N42:N51"/>
    <mergeCell ref="O42:O51"/>
    <mergeCell ref="A42:A51"/>
    <mergeCell ref="A52:A60"/>
    <mergeCell ref="C52:C60"/>
    <mergeCell ref="H42:H51"/>
    <mergeCell ref="I42:I51"/>
    <mergeCell ref="J42:J51"/>
    <mergeCell ref="C42:C51"/>
    <mergeCell ref="D42:D51"/>
    <mergeCell ref="E42:E51"/>
    <mergeCell ref="D52:D60"/>
    <mergeCell ref="H52:H60"/>
    <mergeCell ref="I52:I60"/>
    <mergeCell ref="J52:J60"/>
    <mergeCell ref="K52:K60"/>
    <mergeCell ref="L52:L60"/>
    <mergeCell ref="A17:A18"/>
    <mergeCell ref="A26:A27"/>
    <mergeCell ref="A30:A33"/>
    <mergeCell ref="C2:D3"/>
    <mergeCell ref="E2:F3"/>
    <mergeCell ref="B2:B3"/>
    <mergeCell ref="G3:H3"/>
    <mergeCell ref="I3:J3"/>
    <mergeCell ref="C7:C10"/>
    <mergeCell ref="D7:D10"/>
    <mergeCell ref="E7:E10"/>
    <mergeCell ref="F7:F10"/>
    <mergeCell ref="A20:A25"/>
    <mergeCell ref="K70:K71"/>
    <mergeCell ref="R2:R4"/>
    <mergeCell ref="K3:L3"/>
    <mergeCell ref="G2:L2"/>
    <mergeCell ref="N3:O3"/>
    <mergeCell ref="M2:O2"/>
    <mergeCell ref="P2:P4"/>
    <mergeCell ref="Q2:Q4"/>
    <mergeCell ref="L7:L10"/>
    <mergeCell ref="M7:M10"/>
    <mergeCell ref="N7:N10"/>
    <mergeCell ref="O7:O10"/>
    <mergeCell ref="G7:G10"/>
    <mergeCell ref="H7:H10"/>
    <mergeCell ref="I7:I10"/>
    <mergeCell ref="J7:J10"/>
    <mergeCell ref="K7:K10"/>
    <mergeCell ref="K42:K51"/>
    <mergeCell ref="L42:L51"/>
    <mergeCell ref="C70:C71"/>
    <mergeCell ref="D70:D71"/>
    <mergeCell ref="E70:E71"/>
    <mergeCell ref="F70:F71"/>
    <mergeCell ref="G70:G71"/>
    <mergeCell ref="N52:N60"/>
    <mergeCell ref="O52:O60"/>
    <mergeCell ref="C64:C66"/>
    <mergeCell ref="D64:D66"/>
    <mergeCell ref="E64:E66"/>
    <mergeCell ref="F64:F66"/>
    <mergeCell ref="G64:G66"/>
    <mergeCell ref="H64:H66"/>
    <mergeCell ref="I64:I66"/>
    <mergeCell ref="J64:J66"/>
    <mergeCell ref="K64:K66"/>
    <mergeCell ref="L64:L66"/>
    <mergeCell ref="M64:M66"/>
    <mergeCell ref="N64:N66"/>
    <mergeCell ref="O64:O66"/>
    <mergeCell ref="M52:M60"/>
    <mergeCell ref="E52:E60"/>
    <mergeCell ref="F52:F60"/>
    <mergeCell ref="G52:G60"/>
    <mergeCell ref="O73:O76"/>
    <mergeCell ref="A73:A76"/>
    <mergeCell ref="B73:B76"/>
    <mergeCell ref="A64:A66"/>
    <mergeCell ref="A67:A68"/>
    <mergeCell ref="A70:A71"/>
    <mergeCell ref="L70:L71"/>
    <mergeCell ref="M70:M71"/>
    <mergeCell ref="N70:N71"/>
    <mergeCell ref="O70:O71"/>
    <mergeCell ref="C73:C76"/>
    <mergeCell ref="D73:D76"/>
    <mergeCell ref="E73:E76"/>
    <mergeCell ref="F73:F76"/>
    <mergeCell ref="G73:G76"/>
    <mergeCell ref="H73:H76"/>
    <mergeCell ref="I73:I76"/>
    <mergeCell ref="J73:J76"/>
    <mergeCell ref="K73:K76"/>
    <mergeCell ref="L73:L76"/>
    <mergeCell ref="M73:M76"/>
    <mergeCell ref="N73:N76"/>
    <mergeCell ref="H70:H71"/>
    <mergeCell ref="I70:I71"/>
    <mergeCell ref="M94:M98"/>
    <mergeCell ref="N94:N98"/>
    <mergeCell ref="O94:O98"/>
    <mergeCell ref="C99:C101"/>
    <mergeCell ref="D99:D101"/>
    <mergeCell ref="E99:E101"/>
    <mergeCell ref="F99:F101"/>
    <mergeCell ref="G99:G101"/>
    <mergeCell ref="H99:H101"/>
    <mergeCell ref="I99:I101"/>
    <mergeCell ref="J99:J101"/>
    <mergeCell ref="K99:K101"/>
    <mergeCell ref="L99:L101"/>
    <mergeCell ref="M99:M101"/>
    <mergeCell ref="N99:N101"/>
    <mergeCell ref="O99:O101"/>
    <mergeCell ref="H94:H98"/>
    <mergeCell ref="I94:I98"/>
    <mergeCell ref="J94:J98"/>
    <mergeCell ref="K94:K98"/>
    <mergeCell ref="L94:L98"/>
    <mergeCell ref="C94:C98"/>
    <mergeCell ref="D94:D98"/>
    <mergeCell ref="E94:E98"/>
    <mergeCell ref="D109:D124"/>
    <mergeCell ref="E109:E124"/>
    <mergeCell ref="F109:F124"/>
    <mergeCell ref="G113:G118"/>
    <mergeCell ref="G119:G124"/>
    <mergeCell ref="I119:I124"/>
    <mergeCell ref="J113:J118"/>
    <mergeCell ref="J119:J124"/>
    <mergeCell ref="K113:K118"/>
    <mergeCell ref="K119:K124"/>
    <mergeCell ref="J109:J112"/>
    <mergeCell ref="K109:K112"/>
    <mergeCell ref="A106:A108"/>
    <mergeCell ref="A110:A112"/>
    <mergeCell ref="A113:A118"/>
    <mergeCell ref="A119:A124"/>
    <mergeCell ref="H113:H118"/>
    <mergeCell ref="H119:H124"/>
    <mergeCell ref="M26:M27"/>
    <mergeCell ref="N26:N27"/>
    <mergeCell ref="O26:O27"/>
    <mergeCell ref="A94:A98"/>
    <mergeCell ref="A99:A101"/>
    <mergeCell ref="H26:H27"/>
    <mergeCell ref="I26:I27"/>
    <mergeCell ref="J26:J27"/>
    <mergeCell ref="K26:K27"/>
    <mergeCell ref="L26:L27"/>
    <mergeCell ref="C26:C27"/>
    <mergeCell ref="D26:D27"/>
    <mergeCell ref="E26:E27"/>
    <mergeCell ref="F26:F27"/>
    <mergeCell ref="G26:G27"/>
    <mergeCell ref="G109:G112"/>
    <mergeCell ref="H109:H112"/>
    <mergeCell ref="I109:I112"/>
    <mergeCell ref="L126:L127"/>
    <mergeCell ref="M126:M127"/>
    <mergeCell ref="N126:N127"/>
    <mergeCell ref="O126:O127"/>
    <mergeCell ref="L119:L124"/>
    <mergeCell ref="M113:M118"/>
    <mergeCell ref="M119:M124"/>
    <mergeCell ref="N113:N118"/>
    <mergeCell ref="N119:N124"/>
    <mergeCell ref="O113:O118"/>
    <mergeCell ref="O119:O124"/>
    <mergeCell ref="M128:M129"/>
    <mergeCell ref="N128:N129"/>
    <mergeCell ref="O128:O129"/>
    <mergeCell ref="A126:A127"/>
    <mergeCell ref="A128:A129"/>
    <mergeCell ref="H128:H129"/>
    <mergeCell ref="I128:I129"/>
    <mergeCell ref="J128:J129"/>
    <mergeCell ref="K128:K129"/>
    <mergeCell ref="L128:L129"/>
    <mergeCell ref="C128:C129"/>
    <mergeCell ref="D128:D129"/>
    <mergeCell ref="E128:E129"/>
    <mergeCell ref="F128:F129"/>
    <mergeCell ref="G128:G129"/>
    <mergeCell ref="C126:C127"/>
    <mergeCell ref="D126:D127"/>
    <mergeCell ref="E126:E127"/>
    <mergeCell ref="F126:F127"/>
    <mergeCell ref="G126:G127"/>
    <mergeCell ref="H126:H127"/>
    <mergeCell ref="I126:I127"/>
    <mergeCell ref="J126:J127"/>
    <mergeCell ref="K126:K127"/>
    <mergeCell ref="C139:C140"/>
    <mergeCell ref="D139:D140"/>
    <mergeCell ref="E139:E140"/>
    <mergeCell ref="F139:F140"/>
    <mergeCell ref="G139:G140"/>
    <mergeCell ref="H139:H140"/>
    <mergeCell ref="I139:I140"/>
    <mergeCell ref="J139:J140"/>
    <mergeCell ref="K139:K140"/>
    <mergeCell ref="F94:F98"/>
    <mergeCell ref="G94:G98"/>
    <mergeCell ref="J70:J71"/>
    <mergeCell ref="M158:M161"/>
    <mergeCell ref="N158:N161"/>
    <mergeCell ref="L139:L140"/>
    <mergeCell ref="M139:M140"/>
    <mergeCell ref="N139:N140"/>
    <mergeCell ref="O139:O140"/>
    <mergeCell ref="K149:K150"/>
    <mergeCell ref="K152:K153"/>
    <mergeCell ref="N149:N150"/>
    <mergeCell ref="O149:O150"/>
    <mergeCell ref="L152:L153"/>
    <mergeCell ref="M152:M153"/>
    <mergeCell ref="N152:N153"/>
    <mergeCell ref="O152:O153"/>
    <mergeCell ref="L154:L157"/>
    <mergeCell ref="M154:M157"/>
    <mergeCell ref="N154:N157"/>
    <mergeCell ref="O154:O157"/>
    <mergeCell ref="L149:L150"/>
    <mergeCell ref="M149:M150"/>
    <mergeCell ref="O158:O161"/>
    <mergeCell ref="C149:C150"/>
    <mergeCell ref="C152:C153"/>
    <mergeCell ref="D149:D150"/>
    <mergeCell ref="E149:E150"/>
    <mergeCell ref="F149:F150"/>
    <mergeCell ref="G149:G150"/>
    <mergeCell ref="H149:H150"/>
    <mergeCell ref="I149:I150"/>
    <mergeCell ref="J149:J150"/>
    <mergeCell ref="D152:D153"/>
    <mergeCell ref="E152:E153"/>
    <mergeCell ref="F152:F153"/>
    <mergeCell ref="G152:G153"/>
    <mergeCell ref="H152:H153"/>
    <mergeCell ref="I152:I153"/>
    <mergeCell ref="J152:J153"/>
    <mergeCell ref="C154:C157"/>
    <mergeCell ref="D154:D157"/>
    <mergeCell ref="E154:E157"/>
    <mergeCell ref="F154:F157"/>
    <mergeCell ref="G154:G157"/>
    <mergeCell ref="H154:H157"/>
    <mergeCell ref="I154:I157"/>
    <mergeCell ref="J154:J157"/>
    <mergeCell ref="K154:K157"/>
    <mergeCell ref="L166:L167"/>
    <mergeCell ref="M166:M167"/>
    <mergeCell ref="N166:N167"/>
    <mergeCell ref="O166:O167"/>
    <mergeCell ref="C158:C161"/>
    <mergeCell ref="D158:D161"/>
    <mergeCell ref="E158:E161"/>
    <mergeCell ref="F158:F161"/>
    <mergeCell ref="G158:G161"/>
    <mergeCell ref="H158:H161"/>
    <mergeCell ref="I158:I161"/>
    <mergeCell ref="J158:J161"/>
    <mergeCell ref="K158:K161"/>
    <mergeCell ref="L158:L161"/>
    <mergeCell ref="C166:C167"/>
    <mergeCell ref="D166:D167"/>
    <mergeCell ref="E166:E167"/>
    <mergeCell ref="F166:F167"/>
    <mergeCell ref="G166:G167"/>
    <mergeCell ref="H166:H167"/>
    <mergeCell ref="I166:I167"/>
    <mergeCell ref="J166:J167"/>
    <mergeCell ref="K166:K167"/>
    <mergeCell ref="C162:C165"/>
    <mergeCell ref="E170:E171"/>
    <mergeCell ref="F170:F171"/>
    <mergeCell ref="G170:G171"/>
    <mergeCell ref="H170:H171"/>
    <mergeCell ref="I170:I171"/>
    <mergeCell ref="J170:J171"/>
    <mergeCell ref="K170:K171"/>
    <mergeCell ref="C168:C169"/>
    <mergeCell ref="C170:C171"/>
    <mergeCell ref="D168:D169"/>
    <mergeCell ref="D170:D171"/>
    <mergeCell ref="E168:E169"/>
    <mergeCell ref="F168:F169"/>
    <mergeCell ref="G168:G169"/>
    <mergeCell ref="H168:H169"/>
    <mergeCell ref="I168:I169"/>
    <mergeCell ref="C172:C177"/>
    <mergeCell ref="D172:D177"/>
    <mergeCell ref="E172:E177"/>
    <mergeCell ref="F172:F177"/>
    <mergeCell ref="G172:G177"/>
    <mergeCell ref="H172:H177"/>
    <mergeCell ref="I172:I177"/>
    <mergeCell ref="J172:J177"/>
    <mergeCell ref="K172:K177"/>
    <mergeCell ref="J179:J181"/>
    <mergeCell ref="K179:K181"/>
    <mergeCell ref="L168:L169"/>
    <mergeCell ref="M168:M169"/>
    <mergeCell ref="N168:N169"/>
    <mergeCell ref="O168:O169"/>
    <mergeCell ref="L170:L171"/>
    <mergeCell ref="M170:M171"/>
    <mergeCell ref="N170:N171"/>
    <mergeCell ref="O170:O171"/>
    <mergeCell ref="L172:L177"/>
    <mergeCell ref="M172:M177"/>
    <mergeCell ref="N172:N177"/>
    <mergeCell ref="O172:O177"/>
    <mergeCell ref="J168:J169"/>
    <mergeCell ref="K168:K169"/>
    <mergeCell ref="L179:L181"/>
    <mergeCell ref="M179:M181"/>
    <mergeCell ref="N179:N181"/>
    <mergeCell ref="O179:O181"/>
    <mergeCell ref="M183:M184"/>
    <mergeCell ref="N183:N184"/>
    <mergeCell ref="O183:O184"/>
    <mergeCell ref="L183:L184"/>
    <mergeCell ref="H183:H184"/>
    <mergeCell ref="I183:I184"/>
    <mergeCell ref="J183:J184"/>
    <mergeCell ref="K183:K184"/>
    <mergeCell ref="G183:G184"/>
    <mergeCell ref="C179:C181"/>
    <mergeCell ref="D179:D181"/>
    <mergeCell ref="E179:E181"/>
    <mergeCell ref="F179:F181"/>
    <mergeCell ref="G179:G181"/>
    <mergeCell ref="H179:H181"/>
    <mergeCell ref="I179:I181"/>
    <mergeCell ref="C189:C191"/>
    <mergeCell ref="D189:D191"/>
    <mergeCell ref="E189:E191"/>
    <mergeCell ref="F189:F191"/>
    <mergeCell ref="G189:G191"/>
    <mergeCell ref="H189:H191"/>
    <mergeCell ref="I189:I191"/>
    <mergeCell ref="C183:C184"/>
    <mergeCell ref="D183:D184"/>
    <mergeCell ref="E183:E184"/>
    <mergeCell ref="F183:F184"/>
    <mergeCell ref="J189:J191"/>
    <mergeCell ref="K189:K191"/>
    <mergeCell ref="L189:L191"/>
    <mergeCell ref="M189:M191"/>
    <mergeCell ref="N189:N191"/>
    <mergeCell ref="O189:O191"/>
    <mergeCell ref="O195:O196"/>
    <mergeCell ref="N195:N196"/>
    <mergeCell ref="K195:K196"/>
    <mergeCell ref="L195:L196"/>
    <mergeCell ref="M195:M196"/>
    <mergeCell ref="J204:J205"/>
    <mergeCell ref="K204:K205"/>
    <mergeCell ref="C195:C196"/>
    <mergeCell ref="D195:D196"/>
    <mergeCell ref="E195:E196"/>
    <mergeCell ref="F195:F196"/>
    <mergeCell ref="G195:G196"/>
    <mergeCell ref="H195:H196"/>
    <mergeCell ref="I195:I196"/>
    <mergeCell ref="J195:J196"/>
    <mergeCell ref="L204:L205"/>
    <mergeCell ref="M204:M205"/>
    <mergeCell ref="N204:N205"/>
    <mergeCell ref="O204:O205"/>
    <mergeCell ref="C206:C207"/>
    <mergeCell ref="D206:D207"/>
    <mergeCell ref="E206:E207"/>
    <mergeCell ref="F206:F207"/>
    <mergeCell ref="G206:G207"/>
    <mergeCell ref="H206:H207"/>
    <mergeCell ref="I206:I207"/>
    <mergeCell ref="J206:J207"/>
    <mergeCell ref="K206:K207"/>
    <mergeCell ref="L206:L207"/>
    <mergeCell ref="M206:M207"/>
    <mergeCell ref="N206:N207"/>
    <mergeCell ref="O206:O207"/>
    <mergeCell ref="C204:C205"/>
    <mergeCell ref="D204:D205"/>
    <mergeCell ref="E204:E205"/>
    <mergeCell ref="F204:F205"/>
    <mergeCell ref="G204:G205"/>
    <mergeCell ref="H204:H205"/>
    <mergeCell ref="I204:I205"/>
    <mergeCell ref="C209:C210"/>
    <mergeCell ref="D209:D210"/>
    <mergeCell ref="E209:E210"/>
    <mergeCell ref="F209:F210"/>
    <mergeCell ref="G209:G210"/>
    <mergeCell ref="H209:H210"/>
    <mergeCell ref="I209:I210"/>
    <mergeCell ref="J209:J210"/>
    <mergeCell ref="K209:K210"/>
    <mergeCell ref="L209:L210"/>
    <mergeCell ref="M209:M210"/>
    <mergeCell ref="N209:N210"/>
    <mergeCell ref="O209:O210"/>
    <mergeCell ref="R213:R214"/>
    <mergeCell ref="R215:R216"/>
    <mergeCell ref="R217:R218"/>
    <mergeCell ref="C211:C212"/>
    <mergeCell ref="D211:D212"/>
    <mergeCell ref="E211:E212"/>
    <mergeCell ref="F211:F212"/>
    <mergeCell ref="G211:G212"/>
    <mergeCell ref="H211:H212"/>
    <mergeCell ref="I211:I212"/>
    <mergeCell ref="J211:J212"/>
    <mergeCell ref="K211:K212"/>
    <mergeCell ref="L211:L212"/>
    <mergeCell ref="M211:M212"/>
    <mergeCell ref="N211:N212"/>
    <mergeCell ref="O211:O212"/>
    <mergeCell ref="C213:C214"/>
    <mergeCell ref="C215:C216"/>
    <mergeCell ref="C217:C218"/>
    <mergeCell ref="D213:D214"/>
    <mergeCell ref="E213:E214"/>
    <mergeCell ref="F213:F214"/>
    <mergeCell ref="G213:G214"/>
    <mergeCell ref="H213:H214"/>
    <mergeCell ref="I213:I214"/>
    <mergeCell ref="J213:J214"/>
    <mergeCell ref="K213:K214"/>
    <mergeCell ref="L213:L214"/>
    <mergeCell ref="D215:D216"/>
    <mergeCell ref="E215:E216"/>
    <mergeCell ref="F215:F216"/>
    <mergeCell ref="G215:G216"/>
    <mergeCell ref="H215:H216"/>
    <mergeCell ref="I215:I216"/>
    <mergeCell ref="J215:J216"/>
    <mergeCell ref="K215:K216"/>
    <mergeCell ref="L215:L216"/>
    <mergeCell ref="D217:D218"/>
    <mergeCell ref="E217:E218"/>
    <mergeCell ref="F217:F218"/>
    <mergeCell ref="G217:G218"/>
    <mergeCell ref="H217:H218"/>
    <mergeCell ref="I217:I218"/>
    <mergeCell ref="J217:J218"/>
    <mergeCell ref="K217:K218"/>
    <mergeCell ref="L217:L218"/>
    <mergeCell ref="M213:M214"/>
    <mergeCell ref="N213:N214"/>
    <mergeCell ref="O213:O214"/>
    <mergeCell ref="M215:M216"/>
    <mergeCell ref="N215:N216"/>
    <mergeCell ref="O215:O216"/>
    <mergeCell ref="M217:M218"/>
    <mergeCell ref="N217:N218"/>
    <mergeCell ref="O217:O218"/>
    <mergeCell ref="N223:N225"/>
    <mergeCell ref="O223:O225"/>
    <mergeCell ref="C219:C220"/>
    <mergeCell ref="D219:D220"/>
    <mergeCell ref="E219:E220"/>
    <mergeCell ref="F219:F220"/>
    <mergeCell ref="G219:G220"/>
    <mergeCell ref="H219:H220"/>
    <mergeCell ref="I219:I220"/>
    <mergeCell ref="J219:J220"/>
    <mergeCell ref="K219:K220"/>
    <mergeCell ref="E223:E225"/>
    <mergeCell ref="F223:F225"/>
    <mergeCell ref="G223:G225"/>
    <mergeCell ref="H223:H225"/>
    <mergeCell ref="I223:I225"/>
    <mergeCell ref="J223:J225"/>
    <mergeCell ref="K223:K225"/>
    <mergeCell ref="L223:L225"/>
    <mergeCell ref="M223:M225"/>
    <mergeCell ref="I241:I249"/>
    <mergeCell ref="J241:J249"/>
    <mergeCell ref="K241:K249"/>
    <mergeCell ref="L241:L249"/>
    <mergeCell ref="C228:C233"/>
    <mergeCell ref="D228:D233"/>
    <mergeCell ref="E228:E233"/>
    <mergeCell ref="F228:F233"/>
    <mergeCell ref="G228:G233"/>
    <mergeCell ref="H228:H233"/>
    <mergeCell ref="I228:I233"/>
    <mergeCell ref="J228:J233"/>
    <mergeCell ref="K228:K233"/>
    <mergeCell ref="L228:L233"/>
    <mergeCell ref="C241:C249"/>
    <mergeCell ref="D241:D249"/>
    <mergeCell ref="E241:E249"/>
    <mergeCell ref="F241:F249"/>
    <mergeCell ref="G241:G249"/>
    <mergeCell ref="H241:H249"/>
    <mergeCell ref="E253:E254"/>
    <mergeCell ref="F253:F254"/>
    <mergeCell ref="G253:G254"/>
    <mergeCell ref="H253:H254"/>
    <mergeCell ref="I253:I254"/>
    <mergeCell ref="J253:J254"/>
    <mergeCell ref="K253:K254"/>
    <mergeCell ref="L253:L254"/>
    <mergeCell ref="M253:M254"/>
    <mergeCell ref="C250:C252"/>
    <mergeCell ref="D250:D252"/>
    <mergeCell ref="E250:E252"/>
    <mergeCell ref="F250:F252"/>
    <mergeCell ref="G250:G252"/>
    <mergeCell ref="H250:H252"/>
    <mergeCell ref="I250:I252"/>
    <mergeCell ref="J250:J252"/>
    <mergeCell ref="K250:K252"/>
    <mergeCell ref="L250:L252"/>
    <mergeCell ref="M250:M252"/>
    <mergeCell ref="N250:N252"/>
    <mergeCell ref="O250:O252"/>
    <mergeCell ref="L234:L237"/>
    <mergeCell ref="M234:M237"/>
    <mergeCell ref="N234:N237"/>
    <mergeCell ref="O234:O237"/>
    <mergeCell ref="N253:N254"/>
    <mergeCell ref="O253:O254"/>
    <mergeCell ref="M241:M249"/>
    <mergeCell ref="N241:N249"/>
    <mergeCell ref="O241:O249"/>
    <mergeCell ref="L133:L137"/>
    <mergeCell ref="M133:M137"/>
    <mergeCell ref="N133:N137"/>
    <mergeCell ref="O133:O137"/>
    <mergeCell ref="A133:A137"/>
    <mergeCell ref="B1:R1"/>
    <mergeCell ref="C234:C237"/>
    <mergeCell ref="D234:D237"/>
    <mergeCell ref="E234:E237"/>
    <mergeCell ref="F234:F237"/>
    <mergeCell ref="G234:G237"/>
    <mergeCell ref="H234:H237"/>
    <mergeCell ref="I234:I237"/>
    <mergeCell ref="J234:J237"/>
    <mergeCell ref="K234:K237"/>
    <mergeCell ref="M228:M233"/>
    <mergeCell ref="N228:N233"/>
    <mergeCell ref="O228:O233"/>
    <mergeCell ref="L219:L220"/>
    <mergeCell ref="M219:M220"/>
    <mergeCell ref="N219:N220"/>
    <mergeCell ref="O219:O220"/>
    <mergeCell ref="C223:C225"/>
    <mergeCell ref="D223:D225"/>
  </mergeCells>
  <pageMargins left="0.7" right="0.7" top="0.75" bottom="0.75" header="0.3" footer="0.3"/>
  <pageSetup orientation="portrait" horizontalDpi="4294967294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96"/>
  <sheetViews>
    <sheetView topLeftCell="A10" zoomScale="130" zoomScaleNormal="130" workbookViewId="0">
      <selection activeCell="C73" sqref="C73"/>
    </sheetView>
  </sheetViews>
  <sheetFormatPr defaultRowHeight="14.5"/>
  <cols>
    <col min="2" max="2" width="24.90625" bestFit="1" customWidth="1"/>
    <col min="3" max="3" width="59.36328125" customWidth="1"/>
    <col min="4" max="4" width="27.6328125" bestFit="1" customWidth="1"/>
    <col min="5" max="5" width="17.54296875" bestFit="1" customWidth="1"/>
  </cols>
  <sheetData>
    <row r="1" spans="1:5">
      <c r="A1" s="286" t="s">
        <v>525</v>
      </c>
      <c r="B1" s="312"/>
      <c r="C1" s="312"/>
      <c r="D1" s="312"/>
      <c r="E1" s="312"/>
    </row>
    <row r="2" spans="1:5">
      <c r="A2" s="38" t="s">
        <v>526</v>
      </c>
      <c r="B2" s="39" t="s">
        <v>527</v>
      </c>
      <c r="C2" s="39" t="s">
        <v>528</v>
      </c>
      <c r="D2" s="39" t="s">
        <v>529</v>
      </c>
      <c r="E2" s="39" t="s">
        <v>530</v>
      </c>
    </row>
    <row r="3" spans="1:5">
      <c r="A3" s="311">
        <v>1</v>
      </c>
      <c r="B3" s="311" t="s">
        <v>142</v>
      </c>
      <c r="C3" s="10" t="s">
        <v>531</v>
      </c>
      <c r="D3" s="10">
        <v>1</v>
      </c>
      <c r="E3" s="10"/>
    </row>
    <row r="4" spans="1:5">
      <c r="A4" s="312"/>
      <c r="B4" s="312"/>
      <c r="C4" s="10" t="s">
        <v>532</v>
      </c>
      <c r="D4" s="10">
        <v>2</v>
      </c>
      <c r="E4" s="10"/>
    </row>
    <row r="5" spans="1:5">
      <c r="A5" s="312"/>
      <c r="B5" s="312"/>
      <c r="C5" s="10" t="s">
        <v>533</v>
      </c>
      <c r="D5" s="10">
        <v>3</v>
      </c>
      <c r="E5" s="10"/>
    </row>
    <row r="6" spans="1:5">
      <c r="A6" s="312"/>
      <c r="B6" s="312"/>
      <c r="C6" s="10" t="s">
        <v>534</v>
      </c>
      <c r="D6" s="10">
        <v>4</v>
      </c>
      <c r="E6" s="10"/>
    </row>
    <row r="7" spans="1:5">
      <c r="A7" s="312"/>
      <c r="B7" s="312"/>
      <c r="C7" s="10" t="s">
        <v>535</v>
      </c>
      <c r="D7" s="10">
        <v>5</v>
      </c>
      <c r="E7" s="10"/>
    </row>
    <row r="8" spans="1:5">
      <c r="A8" s="312"/>
      <c r="B8" s="312"/>
      <c r="C8" s="10" t="s">
        <v>536</v>
      </c>
      <c r="D8" s="10">
        <v>6</v>
      </c>
      <c r="E8" s="10"/>
    </row>
    <row r="9" spans="1:5">
      <c r="A9" s="312"/>
      <c r="B9" s="312"/>
      <c r="C9" s="10" t="s">
        <v>537</v>
      </c>
      <c r="D9" s="10">
        <v>7</v>
      </c>
      <c r="E9" s="10"/>
    </row>
    <row r="10" spans="1:5">
      <c r="A10" s="312"/>
      <c r="B10" s="312"/>
      <c r="C10" s="10" t="s">
        <v>538</v>
      </c>
      <c r="D10" s="10">
        <v>51</v>
      </c>
      <c r="E10" s="10"/>
    </row>
    <row r="11" spans="1:5">
      <c r="A11" s="312"/>
      <c r="B11" s="312"/>
      <c r="C11" s="40" t="s">
        <v>788</v>
      </c>
      <c r="D11" s="40">
        <v>87</v>
      </c>
      <c r="E11" s="183"/>
    </row>
    <row r="12" spans="1:5">
      <c r="A12" s="312"/>
      <c r="B12" s="312"/>
      <c r="C12" s="89" t="s">
        <v>956</v>
      </c>
      <c r="D12" s="89">
        <v>95</v>
      </c>
      <c r="E12" s="230"/>
    </row>
    <row r="13" spans="1:5">
      <c r="A13" s="312"/>
      <c r="B13" s="312"/>
      <c r="C13" s="89" t="s">
        <v>884</v>
      </c>
      <c r="D13" s="89">
        <v>96</v>
      </c>
      <c r="E13" s="232"/>
    </row>
    <row r="14" spans="1:5">
      <c r="A14" s="312"/>
      <c r="B14" s="312"/>
      <c r="C14" s="89" t="s">
        <v>1020</v>
      </c>
      <c r="D14" s="89">
        <v>101</v>
      </c>
      <c r="E14" s="231"/>
    </row>
    <row r="15" spans="1:5">
      <c r="A15" s="315">
        <v>2</v>
      </c>
      <c r="B15" s="315" t="s">
        <v>143</v>
      </c>
      <c r="C15" s="10" t="s">
        <v>539</v>
      </c>
      <c r="D15" s="10">
        <v>8</v>
      </c>
      <c r="E15" s="10" t="s">
        <v>540</v>
      </c>
    </row>
    <row r="16" spans="1:5">
      <c r="A16" s="316"/>
      <c r="B16" s="316"/>
      <c r="C16" s="10" t="s">
        <v>541</v>
      </c>
      <c r="D16" s="10">
        <v>9</v>
      </c>
      <c r="E16" s="10" t="s">
        <v>542</v>
      </c>
    </row>
    <row r="17" spans="1:5">
      <c r="A17" s="316"/>
      <c r="B17" s="316"/>
      <c r="C17" s="10" t="s">
        <v>543</v>
      </c>
      <c r="D17" s="10">
        <v>10</v>
      </c>
      <c r="E17" s="10" t="s">
        <v>544</v>
      </c>
    </row>
    <row r="18" spans="1:5">
      <c r="A18" s="316"/>
      <c r="B18" s="316"/>
      <c r="C18" s="16" t="s">
        <v>702</v>
      </c>
      <c r="D18" s="10">
        <v>11</v>
      </c>
      <c r="E18" s="10" t="s">
        <v>545</v>
      </c>
    </row>
    <row r="19" spans="1:5">
      <c r="A19" s="316"/>
      <c r="B19" s="316"/>
      <c r="C19" s="10" t="s">
        <v>546</v>
      </c>
      <c r="D19" s="10">
        <v>12</v>
      </c>
      <c r="E19" s="10" t="s">
        <v>547</v>
      </c>
    </row>
    <row r="20" spans="1:5">
      <c r="A20" s="316"/>
      <c r="B20" s="316"/>
      <c r="C20" s="10" t="s">
        <v>548</v>
      </c>
      <c r="D20" s="10">
        <v>13</v>
      </c>
      <c r="E20" s="10" t="s">
        <v>549</v>
      </c>
    </row>
    <row r="21" spans="1:5">
      <c r="A21" s="316"/>
      <c r="B21" s="316"/>
      <c r="C21" s="10" t="s">
        <v>550</v>
      </c>
      <c r="D21" s="10">
        <v>14</v>
      </c>
      <c r="E21" s="182" t="s">
        <v>666</v>
      </c>
    </row>
    <row r="22" spans="1:5">
      <c r="A22" s="316"/>
      <c r="B22" s="316"/>
      <c r="C22" s="10" t="s">
        <v>680</v>
      </c>
      <c r="D22" s="10">
        <v>15</v>
      </c>
      <c r="E22" s="10" t="s">
        <v>681</v>
      </c>
    </row>
    <row r="23" spans="1:5">
      <c r="A23" s="316"/>
      <c r="B23" s="316"/>
      <c r="C23" s="10" t="s">
        <v>553</v>
      </c>
      <c r="D23" s="10">
        <v>16</v>
      </c>
      <c r="E23" s="10" t="s">
        <v>554</v>
      </c>
    </row>
    <row r="24" spans="1:5">
      <c r="A24" s="316"/>
      <c r="B24" s="316"/>
      <c r="C24" s="16" t="s">
        <v>783</v>
      </c>
      <c r="D24" s="10">
        <v>17</v>
      </c>
      <c r="E24" s="10" t="s">
        <v>555</v>
      </c>
    </row>
    <row r="25" spans="1:5">
      <c r="A25" s="316"/>
      <c r="B25" s="316"/>
      <c r="C25" s="10" t="s">
        <v>556</v>
      </c>
      <c r="D25" s="10">
        <v>18</v>
      </c>
      <c r="E25" s="10" t="s">
        <v>557</v>
      </c>
    </row>
    <row r="26" spans="1:5">
      <c r="A26" s="316"/>
      <c r="B26" s="316"/>
      <c r="C26" s="10" t="s">
        <v>558</v>
      </c>
      <c r="D26" s="10">
        <v>19</v>
      </c>
      <c r="E26" s="10" t="s">
        <v>559</v>
      </c>
    </row>
    <row r="27" spans="1:5">
      <c r="A27" s="316"/>
      <c r="B27" s="316"/>
      <c r="C27" s="10" t="s">
        <v>560</v>
      </c>
      <c r="D27" s="10">
        <v>20</v>
      </c>
      <c r="E27" s="10" t="s">
        <v>561</v>
      </c>
    </row>
    <row r="28" spans="1:5">
      <c r="A28" s="316"/>
      <c r="B28" s="316"/>
      <c r="C28" s="10" t="s">
        <v>562</v>
      </c>
      <c r="D28" s="10">
        <v>21</v>
      </c>
      <c r="E28" s="10" t="s">
        <v>563</v>
      </c>
    </row>
    <row r="29" spans="1:5">
      <c r="A29" s="316"/>
      <c r="B29" s="316"/>
      <c r="C29" s="10" t="s">
        <v>564</v>
      </c>
      <c r="D29" s="10">
        <v>22</v>
      </c>
      <c r="E29" s="10" t="s">
        <v>565</v>
      </c>
    </row>
    <row r="30" spans="1:5">
      <c r="A30" s="316"/>
      <c r="B30" s="316"/>
      <c r="C30" s="40" t="s">
        <v>566</v>
      </c>
      <c r="D30" s="40">
        <v>49</v>
      </c>
      <c r="E30" s="40" t="s">
        <v>806</v>
      </c>
    </row>
    <row r="31" spans="1:5">
      <c r="A31" s="316"/>
      <c r="B31" s="316"/>
      <c r="C31" s="10" t="s">
        <v>567</v>
      </c>
      <c r="D31" s="10">
        <v>52</v>
      </c>
      <c r="E31" s="10" t="s">
        <v>568</v>
      </c>
    </row>
    <row r="32" spans="1:5">
      <c r="A32" s="316"/>
      <c r="B32" s="316"/>
      <c r="C32" s="10" t="s">
        <v>569</v>
      </c>
      <c r="D32" s="10">
        <v>53</v>
      </c>
      <c r="E32" s="10" t="s">
        <v>570</v>
      </c>
    </row>
    <row r="33" spans="1:5">
      <c r="A33" s="316"/>
      <c r="B33" s="316"/>
      <c r="C33" s="10" t="s">
        <v>571</v>
      </c>
      <c r="D33" s="10">
        <v>54</v>
      </c>
      <c r="E33" s="10" t="s">
        <v>572</v>
      </c>
    </row>
    <row r="34" spans="1:5">
      <c r="A34" s="316"/>
      <c r="B34" s="316"/>
      <c r="C34" s="10" t="s">
        <v>573</v>
      </c>
      <c r="D34" s="10">
        <v>55</v>
      </c>
      <c r="E34" s="10" t="s">
        <v>574</v>
      </c>
    </row>
    <row r="35" spans="1:5">
      <c r="A35" s="316"/>
      <c r="B35" s="316"/>
      <c r="C35" s="10" t="s">
        <v>575</v>
      </c>
      <c r="D35" s="10">
        <v>56</v>
      </c>
      <c r="E35" s="10" t="s">
        <v>576</v>
      </c>
    </row>
    <row r="36" spans="1:5">
      <c r="A36" s="316"/>
      <c r="B36" s="316"/>
      <c r="C36" s="10" t="s">
        <v>551</v>
      </c>
      <c r="D36" s="10">
        <v>73</v>
      </c>
      <c r="E36" s="10" t="s">
        <v>552</v>
      </c>
    </row>
    <row r="37" spans="1:5">
      <c r="A37" s="316"/>
      <c r="B37" s="316"/>
      <c r="C37" s="40" t="s">
        <v>775</v>
      </c>
      <c r="D37" s="40">
        <v>75</v>
      </c>
      <c r="E37" s="40" t="s">
        <v>777</v>
      </c>
    </row>
    <row r="38" spans="1:5">
      <c r="A38" s="316"/>
      <c r="B38" s="316"/>
      <c r="C38" s="40" t="s">
        <v>776</v>
      </c>
      <c r="D38" s="40">
        <v>76</v>
      </c>
      <c r="E38" s="40" t="s">
        <v>778</v>
      </c>
    </row>
    <row r="39" spans="1:5">
      <c r="A39" s="316"/>
      <c r="B39" s="316"/>
      <c r="C39" s="40" t="s">
        <v>788</v>
      </c>
      <c r="D39" s="40">
        <v>88</v>
      </c>
      <c r="E39" s="40" t="s">
        <v>789</v>
      </c>
    </row>
    <row r="40" spans="1:5">
      <c r="A40" s="316"/>
      <c r="B40" s="316"/>
      <c r="C40" s="80" t="s">
        <v>905</v>
      </c>
      <c r="D40" s="80">
        <v>94</v>
      </c>
      <c r="E40" s="80" t="s">
        <v>906</v>
      </c>
    </row>
    <row r="41" spans="1:5">
      <c r="A41" s="316"/>
      <c r="B41" s="316"/>
      <c r="C41" s="80" t="s">
        <v>884</v>
      </c>
      <c r="D41" s="80">
        <v>89</v>
      </c>
      <c r="E41" s="80" t="s">
        <v>885</v>
      </c>
    </row>
    <row r="42" spans="1:5">
      <c r="A42" s="316"/>
      <c r="B42" s="316"/>
      <c r="C42" s="89" t="s">
        <v>1006</v>
      </c>
      <c r="D42" s="89">
        <v>97</v>
      </c>
      <c r="E42" s="89" t="s">
        <v>1007</v>
      </c>
    </row>
    <row r="43" spans="1:5">
      <c r="A43" s="317"/>
      <c r="B43" s="317"/>
      <c r="C43" s="89" t="s">
        <v>1020</v>
      </c>
      <c r="D43" s="89">
        <v>102</v>
      </c>
      <c r="E43" s="89" t="s">
        <v>1021</v>
      </c>
    </row>
    <row r="44" spans="1:5">
      <c r="A44" s="311">
        <v>3</v>
      </c>
      <c r="B44" s="311" t="s">
        <v>144</v>
      </c>
      <c r="C44" s="10" t="s">
        <v>577</v>
      </c>
      <c r="D44" s="10">
        <v>23</v>
      </c>
      <c r="E44" s="10" t="s">
        <v>578</v>
      </c>
    </row>
    <row r="45" spans="1:5">
      <c r="A45" s="312"/>
      <c r="B45" s="312"/>
      <c r="C45" s="10" t="s">
        <v>579</v>
      </c>
      <c r="D45" s="10">
        <v>24</v>
      </c>
      <c r="E45" s="10" t="s">
        <v>580</v>
      </c>
    </row>
    <row r="46" spans="1:5">
      <c r="A46" s="312"/>
      <c r="B46" s="312"/>
      <c r="C46" s="40" t="s">
        <v>732</v>
      </c>
      <c r="D46" s="40">
        <v>74</v>
      </c>
      <c r="E46" s="40" t="s">
        <v>733</v>
      </c>
    </row>
    <row r="47" spans="1:5">
      <c r="A47" s="312"/>
      <c r="B47" s="312"/>
      <c r="C47" s="10" t="s">
        <v>581</v>
      </c>
      <c r="D47" s="10">
        <v>25</v>
      </c>
      <c r="E47" s="10" t="s">
        <v>582</v>
      </c>
    </row>
    <row r="48" spans="1:5">
      <c r="A48" s="312"/>
      <c r="B48" s="312"/>
      <c r="C48" s="10" t="s">
        <v>583</v>
      </c>
      <c r="D48" s="10">
        <v>26</v>
      </c>
      <c r="E48" s="10" t="s">
        <v>584</v>
      </c>
    </row>
    <row r="49" spans="1:5">
      <c r="A49" s="312"/>
      <c r="B49" s="312"/>
      <c r="C49" s="10" t="s">
        <v>585</v>
      </c>
      <c r="D49" s="10">
        <v>27</v>
      </c>
      <c r="E49" s="10" t="s">
        <v>586</v>
      </c>
    </row>
    <row r="50" spans="1:5">
      <c r="A50" s="312"/>
      <c r="B50" s="312"/>
      <c r="C50" s="10" t="s">
        <v>587</v>
      </c>
      <c r="D50" s="10">
        <v>28</v>
      </c>
      <c r="E50" s="10" t="s">
        <v>588</v>
      </c>
    </row>
    <row r="51" spans="1:5">
      <c r="A51" s="312"/>
      <c r="B51" s="312"/>
      <c r="C51" s="10" t="s">
        <v>589</v>
      </c>
      <c r="D51" s="10">
        <v>29</v>
      </c>
      <c r="E51" s="10" t="s">
        <v>590</v>
      </c>
    </row>
    <row r="52" spans="1:5">
      <c r="A52" s="312"/>
      <c r="B52" s="312"/>
      <c r="C52" s="10" t="s">
        <v>591</v>
      </c>
      <c r="D52" s="10">
        <v>30</v>
      </c>
      <c r="E52" s="10" t="s">
        <v>592</v>
      </c>
    </row>
    <row r="53" spans="1:5">
      <c r="A53" s="312"/>
      <c r="B53" s="312"/>
      <c r="C53" s="10" t="s">
        <v>593</v>
      </c>
      <c r="D53" s="10">
        <v>31</v>
      </c>
      <c r="E53" s="10" t="s">
        <v>594</v>
      </c>
    </row>
    <row r="54" spans="1:5">
      <c r="A54" s="312"/>
      <c r="B54" s="312"/>
      <c r="C54" s="10" t="s">
        <v>595</v>
      </c>
      <c r="D54" s="10">
        <v>32</v>
      </c>
      <c r="E54" s="10" t="s">
        <v>596</v>
      </c>
    </row>
    <row r="55" spans="1:5">
      <c r="A55" s="312"/>
      <c r="B55" s="312"/>
      <c r="C55" s="10" t="s">
        <v>597</v>
      </c>
      <c r="D55" s="10">
        <v>33</v>
      </c>
      <c r="E55" s="10" t="s">
        <v>598</v>
      </c>
    </row>
    <row r="56" spans="1:5">
      <c r="A56" s="312"/>
      <c r="B56" s="312"/>
      <c r="C56" s="10" t="s">
        <v>599</v>
      </c>
      <c r="D56" s="10">
        <v>34</v>
      </c>
      <c r="E56" s="10" t="s">
        <v>600</v>
      </c>
    </row>
    <row r="57" spans="1:5">
      <c r="A57" s="312"/>
      <c r="B57" s="312"/>
      <c r="C57" s="10" t="s">
        <v>601</v>
      </c>
      <c r="D57" s="10">
        <v>35</v>
      </c>
      <c r="E57" s="10" t="s">
        <v>602</v>
      </c>
    </row>
    <row r="58" spans="1:5">
      <c r="A58" s="312"/>
      <c r="B58" s="312"/>
      <c r="C58" s="10" t="s">
        <v>603</v>
      </c>
      <c r="D58" s="10">
        <v>36</v>
      </c>
      <c r="E58" s="10" t="s">
        <v>604</v>
      </c>
    </row>
    <row r="59" spans="1:5">
      <c r="A59" s="312"/>
      <c r="B59" s="312"/>
      <c r="C59" s="10" t="s">
        <v>605</v>
      </c>
      <c r="D59" s="10">
        <v>37</v>
      </c>
      <c r="E59" s="10" t="s">
        <v>606</v>
      </c>
    </row>
    <row r="60" spans="1:5">
      <c r="A60" s="312"/>
      <c r="B60" s="312"/>
      <c r="C60" s="10" t="s">
        <v>607</v>
      </c>
      <c r="D60" s="10">
        <v>38</v>
      </c>
      <c r="E60" s="10" t="s">
        <v>608</v>
      </c>
    </row>
    <row r="61" spans="1:5">
      <c r="A61" s="312"/>
      <c r="B61" s="312"/>
      <c r="C61" s="10" t="s">
        <v>609</v>
      </c>
      <c r="D61" s="10">
        <v>39</v>
      </c>
      <c r="E61" s="10" t="s">
        <v>610</v>
      </c>
    </row>
    <row r="62" spans="1:5">
      <c r="A62" s="312"/>
      <c r="B62" s="312"/>
      <c r="C62" s="10" t="s">
        <v>611</v>
      </c>
      <c r="D62" s="10">
        <v>57</v>
      </c>
      <c r="E62" s="10" t="s">
        <v>612</v>
      </c>
    </row>
    <row r="63" spans="1:5">
      <c r="A63" s="312"/>
      <c r="B63" s="312"/>
      <c r="C63" s="10" t="s">
        <v>613</v>
      </c>
      <c r="D63" s="10">
        <v>58</v>
      </c>
      <c r="E63" s="10" t="s">
        <v>614</v>
      </c>
    </row>
    <row r="64" spans="1:5">
      <c r="A64" s="312"/>
      <c r="B64" s="312"/>
      <c r="C64" s="10" t="s">
        <v>615</v>
      </c>
      <c r="D64" s="10">
        <v>59</v>
      </c>
      <c r="E64" s="10" t="s">
        <v>616</v>
      </c>
    </row>
    <row r="65" spans="1:5">
      <c r="A65" s="312"/>
      <c r="B65" s="312"/>
      <c r="C65" s="10" t="s">
        <v>617</v>
      </c>
      <c r="D65" s="10">
        <v>60</v>
      </c>
      <c r="E65" s="10" t="s">
        <v>618</v>
      </c>
    </row>
    <row r="66" spans="1:5">
      <c r="A66" s="312"/>
      <c r="B66" s="312"/>
      <c r="C66" s="10" t="s">
        <v>619</v>
      </c>
      <c r="D66" s="10">
        <v>61</v>
      </c>
      <c r="E66" s="10" t="s">
        <v>620</v>
      </c>
    </row>
    <row r="67" spans="1:5">
      <c r="A67" s="312"/>
      <c r="B67" s="312"/>
      <c r="C67" s="40" t="s">
        <v>779</v>
      </c>
      <c r="D67" s="40">
        <v>77</v>
      </c>
      <c r="E67" s="40" t="s">
        <v>781</v>
      </c>
    </row>
    <row r="68" spans="1:5">
      <c r="A68" s="312"/>
      <c r="B68" s="312"/>
      <c r="C68" s="40" t="s">
        <v>780</v>
      </c>
      <c r="D68" s="40">
        <v>78</v>
      </c>
      <c r="E68" s="40" t="s">
        <v>782</v>
      </c>
    </row>
    <row r="69" spans="1:5">
      <c r="A69" s="312"/>
      <c r="B69" s="312"/>
      <c r="C69" s="80" t="s">
        <v>884</v>
      </c>
      <c r="D69" s="80">
        <v>90</v>
      </c>
      <c r="E69" s="80" t="s">
        <v>886</v>
      </c>
    </row>
    <row r="70" spans="1:5">
      <c r="A70" s="312"/>
      <c r="B70" s="312"/>
      <c r="C70" s="89" t="s">
        <v>1006</v>
      </c>
      <c r="D70" s="89">
        <v>98</v>
      </c>
      <c r="E70" s="89" t="s">
        <v>1008</v>
      </c>
    </row>
    <row r="71" spans="1:5">
      <c r="A71" s="312"/>
      <c r="B71" s="312"/>
      <c r="C71" s="89" t="s">
        <v>1009</v>
      </c>
      <c r="D71" s="89">
        <v>99</v>
      </c>
      <c r="E71" s="89" t="s">
        <v>1010</v>
      </c>
    </row>
    <row r="72" spans="1:5">
      <c r="A72" s="312"/>
      <c r="B72" s="312"/>
      <c r="C72" s="89" t="s">
        <v>1013</v>
      </c>
      <c r="D72" s="89">
        <v>100</v>
      </c>
      <c r="E72" s="89" t="s">
        <v>1014</v>
      </c>
    </row>
    <row r="73" spans="1:5">
      <c r="A73" s="312"/>
      <c r="B73" s="312"/>
      <c r="C73" s="185" t="s">
        <v>1046</v>
      </c>
      <c r="D73" s="185">
        <v>112</v>
      </c>
      <c r="E73" s="185" t="s">
        <v>1047</v>
      </c>
    </row>
    <row r="74" spans="1:5">
      <c r="A74" s="311">
        <v>4</v>
      </c>
      <c r="B74" s="311" t="s">
        <v>621</v>
      </c>
      <c r="C74" s="10" t="s">
        <v>622</v>
      </c>
      <c r="D74" s="10">
        <v>40</v>
      </c>
      <c r="E74" s="10" t="s">
        <v>623</v>
      </c>
    </row>
    <row r="75" spans="1:5">
      <c r="A75" s="312"/>
      <c r="B75" s="312"/>
      <c r="C75" s="10" t="s">
        <v>624</v>
      </c>
      <c r="D75" s="10">
        <v>41</v>
      </c>
      <c r="E75" s="10" t="s">
        <v>625</v>
      </c>
    </row>
    <row r="76" spans="1:5">
      <c r="A76" s="312"/>
      <c r="B76" s="312"/>
      <c r="C76" s="10" t="s">
        <v>626</v>
      </c>
      <c r="D76" s="10">
        <v>42</v>
      </c>
      <c r="E76" s="10" t="s">
        <v>627</v>
      </c>
    </row>
    <row r="77" spans="1:5">
      <c r="A77" s="312"/>
      <c r="B77" s="312"/>
      <c r="C77" s="10" t="s">
        <v>628</v>
      </c>
      <c r="D77" s="10">
        <v>43</v>
      </c>
      <c r="E77" s="10" t="s">
        <v>629</v>
      </c>
    </row>
    <row r="78" spans="1:5">
      <c r="A78" s="313">
        <v>5</v>
      </c>
      <c r="B78" s="313" t="s">
        <v>630</v>
      </c>
      <c r="C78" s="79" t="s">
        <v>631</v>
      </c>
      <c r="D78" s="79">
        <v>44</v>
      </c>
      <c r="E78" s="79" t="s">
        <v>632</v>
      </c>
    </row>
    <row r="79" spans="1:5">
      <c r="A79" s="314"/>
      <c r="B79" s="314"/>
      <c r="C79" s="80" t="s">
        <v>884</v>
      </c>
      <c r="D79" s="80">
        <v>91</v>
      </c>
      <c r="E79" s="80" t="s">
        <v>887</v>
      </c>
    </row>
    <row r="80" spans="1:5">
      <c r="A80" s="314"/>
      <c r="B80" s="314"/>
      <c r="C80" s="89" t="s">
        <v>591</v>
      </c>
      <c r="D80" s="89">
        <v>103</v>
      </c>
      <c r="E80" s="89" t="s">
        <v>1027</v>
      </c>
    </row>
    <row r="81" spans="1:5">
      <c r="A81" s="314"/>
      <c r="B81" s="314"/>
      <c r="C81" s="89" t="s">
        <v>1006</v>
      </c>
      <c r="D81" s="89">
        <v>106</v>
      </c>
      <c r="E81" s="89" t="s">
        <v>1031</v>
      </c>
    </row>
    <row r="82" spans="1:5">
      <c r="A82" s="314"/>
      <c r="B82" s="314"/>
      <c r="C82" s="89" t="s">
        <v>1034</v>
      </c>
      <c r="D82" s="89">
        <v>109</v>
      </c>
      <c r="E82" s="89" t="s">
        <v>1036</v>
      </c>
    </row>
    <row r="83" spans="1:5">
      <c r="A83" s="311">
        <v>6</v>
      </c>
      <c r="B83" s="311" t="s">
        <v>633</v>
      </c>
      <c r="C83" s="10" t="s">
        <v>631</v>
      </c>
      <c r="D83" s="10">
        <v>45</v>
      </c>
      <c r="E83" s="10" t="s">
        <v>634</v>
      </c>
    </row>
    <row r="84" spans="1:5">
      <c r="A84" s="312"/>
      <c r="B84" s="312"/>
      <c r="C84" s="10" t="s">
        <v>635</v>
      </c>
      <c r="D84" s="10">
        <v>46</v>
      </c>
      <c r="E84" s="10" t="s">
        <v>636</v>
      </c>
    </row>
    <row r="85" spans="1:5">
      <c r="A85" s="312"/>
      <c r="B85" s="312"/>
      <c r="C85" s="10" t="s">
        <v>637</v>
      </c>
      <c r="D85" s="10">
        <v>47</v>
      </c>
      <c r="E85" s="10" t="s">
        <v>638</v>
      </c>
    </row>
    <row r="86" spans="1:5">
      <c r="A86" s="312"/>
      <c r="B86" s="312"/>
      <c r="C86" s="79" t="s">
        <v>639</v>
      </c>
      <c r="D86" s="79">
        <v>62</v>
      </c>
      <c r="E86" s="79" t="s">
        <v>640</v>
      </c>
    </row>
    <row r="87" spans="1:5">
      <c r="A87" s="312"/>
      <c r="B87" s="312"/>
      <c r="C87" s="80" t="s">
        <v>884</v>
      </c>
      <c r="D87" s="80">
        <v>92</v>
      </c>
      <c r="E87" s="80" t="s">
        <v>888</v>
      </c>
    </row>
    <row r="88" spans="1:5">
      <c r="A88" s="312"/>
      <c r="B88" s="312"/>
      <c r="C88" s="89" t="s">
        <v>591</v>
      </c>
      <c r="D88" s="89">
        <v>104</v>
      </c>
      <c r="E88" s="89" t="s">
        <v>1028</v>
      </c>
    </row>
    <row r="89" spans="1:5">
      <c r="A89" s="312"/>
      <c r="B89" s="312"/>
      <c r="C89" s="89" t="s">
        <v>1006</v>
      </c>
      <c r="D89" s="89">
        <v>107</v>
      </c>
      <c r="E89" s="89" t="s">
        <v>1032</v>
      </c>
    </row>
    <row r="90" spans="1:5">
      <c r="A90" s="312"/>
      <c r="B90" s="312"/>
      <c r="C90" s="89" t="s">
        <v>1034</v>
      </c>
      <c r="D90" s="89">
        <v>110</v>
      </c>
      <c r="E90" s="89" t="s">
        <v>1035</v>
      </c>
    </row>
    <row r="91" spans="1:5">
      <c r="A91" s="311">
        <v>7</v>
      </c>
      <c r="B91" s="311" t="s">
        <v>641</v>
      </c>
      <c r="C91" s="10" t="s">
        <v>631</v>
      </c>
      <c r="D91" s="10">
        <v>48</v>
      </c>
      <c r="E91" s="10" t="s">
        <v>642</v>
      </c>
    </row>
    <row r="92" spans="1:5">
      <c r="A92" s="311"/>
      <c r="B92" s="311"/>
      <c r="C92" s="79" t="s">
        <v>643</v>
      </c>
      <c r="D92" s="79">
        <v>50</v>
      </c>
      <c r="E92" s="79" t="s">
        <v>644</v>
      </c>
    </row>
    <row r="93" spans="1:5">
      <c r="A93" s="311"/>
      <c r="B93" s="311"/>
      <c r="C93" s="80" t="s">
        <v>884</v>
      </c>
      <c r="D93" s="80">
        <v>93</v>
      </c>
      <c r="E93" s="80" t="s">
        <v>889</v>
      </c>
    </row>
    <row r="94" spans="1:5">
      <c r="A94" s="311"/>
      <c r="B94" s="311"/>
      <c r="C94" s="89" t="s">
        <v>591</v>
      </c>
      <c r="D94" s="89">
        <v>105</v>
      </c>
      <c r="E94" s="89" t="s">
        <v>1029</v>
      </c>
    </row>
    <row r="95" spans="1:5">
      <c r="A95" s="311"/>
      <c r="B95" s="311"/>
      <c r="C95" s="89" t="s">
        <v>1006</v>
      </c>
      <c r="D95" s="89">
        <v>108</v>
      </c>
      <c r="E95" s="89" t="s">
        <v>1033</v>
      </c>
    </row>
    <row r="96" spans="1:5">
      <c r="A96" s="312"/>
      <c r="B96" s="312"/>
      <c r="C96" s="89" t="s">
        <v>1034</v>
      </c>
      <c r="D96" s="89">
        <v>111</v>
      </c>
      <c r="E96" s="89" t="s">
        <v>1037</v>
      </c>
    </row>
  </sheetData>
  <mergeCells count="15">
    <mergeCell ref="A44:A73"/>
    <mergeCell ref="B44:B73"/>
    <mergeCell ref="A1:E1"/>
    <mergeCell ref="A3:A14"/>
    <mergeCell ref="B3:B14"/>
    <mergeCell ref="B15:B43"/>
    <mergeCell ref="A15:A43"/>
    <mergeCell ref="A74:A77"/>
    <mergeCell ref="B74:B77"/>
    <mergeCell ref="A83:A90"/>
    <mergeCell ref="B83:B90"/>
    <mergeCell ref="A91:A96"/>
    <mergeCell ref="B91:B96"/>
    <mergeCell ref="A78:A82"/>
    <mergeCell ref="B78:B82"/>
  </mergeCells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14"/>
  <sheetViews>
    <sheetView zoomScale="190" zoomScaleNormal="190" workbookViewId="0">
      <selection activeCell="E14" sqref="E14"/>
    </sheetView>
  </sheetViews>
  <sheetFormatPr defaultRowHeight="14.5"/>
  <cols>
    <col min="1" max="1" width="5.6328125" bestFit="1" customWidth="1"/>
    <col min="2" max="2" width="45.90625" bestFit="1" customWidth="1"/>
    <col min="3" max="3" width="11.54296875" bestFit="1" customWidth="1"/>
  </cols>
  <sheetData>
    <row r="1" spans="1:3">
      <c r="A1" s="10" t="s">
        <v>526</v>
      </c>
      <c r="B1" s="10" t="s">
        <v>645</v>
      </c>
      <c r="C1" s="10" t="s">
        <v>154</v>
      </c>
    </row>
    <row r="2" spans="1:3">
      <c r="A2" s="10">
        <v>1</v>
      </c>
      <c r="B2" s="10" t="s">
        <v>646</v>
      </c>
      <c r="C2" s="10">
        <v>1</v>
      </c>
    </row>
    <row r="3" spans="1:3">
      <c r="A3" s="10">
        <v>2</v>
      </c>
      <c r="B3" s="10" t="s">
        <v>647</v>
      </c>
      <c r="C3" s="10">
        <v>1</v>
      </c>
    </row>
    <row r="4" spans="1:3">
      <c r="A4" s="10">
        <v>3</v>
      </c>
      <c r="B4" s="10" t="s">
        <v>648</v>
      </c>
      <c r="C4" s="10">
        <v>1</v>
      </c>
    </row>
    <row r="5" spans="1:3">
      <c r="A5" s="10">
        <v>4</v>
      </c>
      <c r="B5" s="10" t="s">
        <v>649</v>
      </c>
      <c r="C5" s="10">
        <v>3</v>
      </c>
    </row>
    <row r="6" spans="1:3">
      <c r="A6" s="10">
        <v>5</v>
      </c>
      <c r="B6" s="10" t="s">
        <v>650</v>
      </c>
      <c r="C6" s="10">
        <v>5</v>
      </c>
    </row>
    <row r="7" spans="1:3">
      <c r="A7" s="10">
        <v>6</v>
      </c>
      <c r="B7" s="10" t="s">
        <v>651</v>
      </c>
      <c r="C7" s="10">
        <v>2</v>
      </c>
    </row>
    <row r="8" spans="1:3">
      <c r="A8" s="10">
        <v>7</v>
      </c>
      <c r="B8" s="10" t="s">
        <v>652</v>
      </c>
      <c r="C8" s="10">
        <v>2</v>
      </c>
    </row>
    <row r="9" spans="1:3">
      <c r="A9" s="10">
        <v>8</v>
      </c>
      <c r="B9" s="10" t="s">
        <v>653</v>
      </c>
      <c r="C9" s="10">
        <v>4</v>
      </c>
    </row>
    <row r="10" spans="1:3">
      <c r="A10" s="10">
        <v>9</v>
      </c>
      <c r="B10" s="10" t="s">
        <v>654</v>
      </c>
      <c r="C10" s="10">
        <v>6</v>
      </c>
    </row>
    <row r="11" spans="1:3">
      <c r="A11" s="10">
        <v>10</v>
      </c>
      <c r="B11" s="10" t="s">
        <v>655</v>
      </c>
      <c r="C11" s="10">
        <v>3</v>
      </c>
    </row>
    <row r="12" spans="1:3">
      <c r="A12" s="10">
        <v>11</v>
      </c>
      <c r="B12" s="10" t="s">
        <v>656</v>
      </c>
      <c r="C12" s="10">
        <v>4</v>
      </c>
    </row>
    <row r="13" spans="1:3">
      <c r="A13" s="10">
        <v>12</v>
      </c>
      <c r="B13" s="10" t="s">
        <v>657</v>
      </c>
      <c r="C13" s="10">
        <v>3</v>
      </c>
    </row>
    <row r="14" spans="1:3">
      <c r="A14" s="189">
        <v>13</v>
      </c>
      <c r="B14" s="189" t="s">
        <v>971</v>
      </c>
      <c r="C14" s="103">
        <v>10</v>
      </c>
    </row>
  </sheetData>
  <pageMargins left="0.7" right="0.7" top="0.75" bottom="0.75" header="0.3" footer="0.3"/>
  <pageSetup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151"/>
  <sheetViews>
    <sheetView topLeftCell="A124" zoomScale="130" zoomScaleNormal="130" workbookViewId="0">
      <selection activeCell="C142" sqref="C142"/>
    </sheetView>
  </sheetViews>
  <sheetFormatPr defaultRowHeight="14.5"/>
  <cols>
    <col min="1" max="1" width="12.90625" bestFit="1" customWidth="1"/>
    <col min="2" max="2" width="5.90625" customWidth="1"/>
    <col min="3" max="3" width="54.6328125" bestFit="1" customWidth="1"/>
    <col min="4" max="4" width="11.1796875" customWidth="1"/>
    <col min="14" max="15" width="13.08984375" bestFit="1" customWidth="1"/>
    <col min="16" max="16" width="9.36328125" bestFit="1" customWidth="1"/>
    <col min="17" max="17" width="44.08984375" bestFit="1" customWidth="1"/>
    <col min="18" max="18" width="94.08984375" bestFit="1" customWidth="1"/>
    <col min="19" max="19" width="29.6328125" bestFit="1" customWidth="1"/>
  </cols>
  <sheetData>
    <row r="1" spans="1:19" s="45" customFormat="1">
      <c r="A1" s="321" t="s">
        <v>679</v>
      </c>
      <c r="B1" s="324"/>
      <c r="C1" s="329" t="s">
        <v>0</v>
      </c>
      <c r="D1" s="331" t="s">
        <v>142</v>
      </c>
      <c r="E1" s="331"/>
      <c r="F1" s="291" t="s">
        <v>143</v>
      </c>
      <c r="G1" s="291"/>
      <c r="H1" s="319" t="s">
        <v>145</v>
      </c>
      <c r="I1" s="319"/>
      <c r="J1" s="319"/>
      <c r="K1" s="319"/>
      <c r="L1" s="319"/>
      <c r="M1" s="319"/>
      <c r="N1" s="328" t="s">
        <v>144</v>
      </c>
      <c r="O1" s="328"/>
      <c r="P1" s="328"/>
      <c r="Q1" s="327" t="s">
        <v>152</v>
      </c>
      <c r="R1" s="318" t="s">
        <v>153</v>
      </c>
      <c r="S1" s="318" t="s">
        <v>154</v>
      </c>
    </row>
    <row r="2" spans="1:19" s="45" customFormat="1">
      <c r="A2" s="322"/>
      <c r="B2" s="325"/>
      <c r="C2" s="330"/>
      <c r="D2" s="331"/>
      <c r="E2" s="331"/>
      <c r="F2" s="291"/>
      <c r="G2" s="291"/>
      <c r="H2" s="319" t="s">
        <v>146</v>
      </c>
      <c r="I2" s="319"/>
      <c r="J2" s="319" t="s">
        <v>147</v>
      </c>
      <c r="K2" s="319"/>
      <c r="L2" s="319" t="s">
        <v>148</v>
      </c>
      <c r="M2" s="319"/>
      <c r="N2" s="58" t="s">
        <v>149</v>
      </c>
      <c r="O2" s="320" t="s">
        <v>150</v>
      </c>
      <c r="P2" s="320"/>
      <c r="Q2" s="327"/>
      <c r="R2" s="318"/>
      <c r="S2" s="318"/>
    </row>
    <row r="3" spans="1:19" s="45" customFormat="1">
      <c r="A3" s="323"/>
      <c r="B3" s="326"/>
      <c r="C3" s="22"/>
      <c r="D3" s="118" t="s">
        <v>140</v>
      </c>
      <c r="E3" s="118" t="s">
        <v>141</v>
      </c>
      <c r="F3" s="118" t="s">
        <v>140</v>
      </c>
      <c r="G3" s="118" t="s">
        <v>141</v>
      </c>
      <c r="H3" s="118" t="s">
        <v>140</v>
      </c>
      <c r="I3" s="119" t="s">
        <v>141</v>
      </c>
      <c r="J3" s="118" t="s">
        <v>140</v>
      </c>
      <c r="K3" s="119" t="s">
        <v>141</v>
      </c>
      <c r="L3" s="118" t="s">
        <v>140</v>
      </c>
      <c r="M3" s="119" t="s">
        <v>141</v>
      </c>
      <c r="N3" s="58" t="s">
        <v>140</v>
      </c>
      <c r="O3" s="58" t="s">
        <v>140</v>
      </c>
      <c r="P3" s="58" t="s">
        <v>151</v>
      </c>
      <c r="Q3" s="327"/>
      <c r="R3" s="318"/>
      <c r="S3" s="318"/>
    </row>
    <row r="4" spans="1:19" s="45" customFormat="1">
      <c r="A4" s="59">
        <v>44907</v>
      </c>
      <c r="B4" s="60" t="s">
        <v>676</v>
      </c>
      <c r="C4" s="14" t="s">
        <v>667</v>
      </c>
      <c r="D4" s="120" t="s">
        <v>172</v>
      </c>
      <c r="E4" s="120" t="s">
        <v>172</v>
      </c>
      <c r="F4" s="120" t="s">
        <v>172</v>
      </c>
      <c r="G4" s="120" t="s">
        <v>172</v>
      </c>
      <c r="H4" s="120" t="s">
        <v>172</v>
      </c>
      <c r="I4" s="120" t="s">
        <v>172</v>
      </c>
      <c r="J4" s="120" t="s">
        <v>172</v>
      </c>
      <c r="K4" s="120" t="s">
        <v>172</v>
      </c>
      <c r="L4" s="120" t="s">
        <v>172</v>
      </c>
      <c r="M4" s="120" t="s">
        <v>172</v>
      </c>
      <c r="N4" s="43" t="s">
        <v>172</v>
      </c>
      <c r="O4" s="43" t="s">
        <v>172</v>
      </c>
      <c r="P4" s="43" t="s">
        <v>172</v>
      </c>
      <c r="Q4" s="44" t="s">
        <v>672</v>
      </c>
      <c r="R4" s="44" t="s">
        <v>668</v>
      </c>
      <c r="S4" s="13">
        <v>5</v>
      </c>
    </row>
    <row r="5" spans="1:19" s="45" customFormat="1">
      <c r="A5" s="59">
        <v>44907</v>
      </c>
      <c r="B5" s="22"/>
      <c r="C5" s="14" t="s">
        <v>667</v>
      </c>
      <c r="D5" s="120" t="s">
        <v>172</v>
      </c>
      <c r="E5" s="120" t="s">
        <v>172</v>
      </c>
      <c r="F5" s="120" t="s">
        <v>172</v>
      </c>
      <c r="G5" s="120" t="s">
        <v>172</v>
      </c>
      <c r="H5" s="120" t="s">
        <v>172</v>
      </c>
      <c r="I5" s="120" t="s">
        <v>172</v>
      </c>
      <c r="J5" s="120" t="s">
        <v>172</v>
      </c>
      <c r="K5" s="120" t="s">
        <v>172</v>
      </c>
      <c r="L5" s="120" t="s">
        <v>172</v>
      </c>
      <c r="M5" s="120" t="s">
        <v>172</v>
      </c>
      <c r="N5" s="43" t="s">
        <v>172</v>
      </c>
      <c r="O5" s="43" t="s">
        <v>172</v>
      </c>
      <c r="P5" s="43" t="s">
        <v>172</v>
      </c>
      <c r="Q5" s="44" t="s">
        <v>673</v>
      </c>
      <c r="R5" s="44" t="s">
        <v>669</v>
      </c>
      <c r="S5" s="13">
        <v>6</v>
      </c>
    </row>
    <row r="6" spans="1:19" s="45" customFormat="1">
      <c r="A6" s="59">
        <v>44907</v>
      </c>
      <c r="B6" s="22"/>
      <c r="C6" s="14" t="s">
        <v>667</v>
      </c>
      <c r="D6" s="120" t="s">
        <v>172</v>
      </c>
      <c r="E6" s="120" t="s">
        <v>172</v>
      </c>
      <c r="F6" s="120" t="s">
        <v>172</v>
      </c>
      <c r="G6" s="120" t="s">
        <v>172</v>
      </c>
      <c r="H6" s="120" t="s">
        <v>172</v>
      </c>
      <c r="I6" s="120" t="s">
        <v>172</v>
      </c>
      <c r="J6" s="120" t="s">
        <v>172</v>
      </c>
      <c r="K6" s="120" t="s">
        <v>172</v>
      </c>
      <c r="L6" s="120" t="s">
        <v>172</v>
      </c>
      <c r="M6" s="120" t="s">
        <v>172</v>
      </c>
      <c r="N6" s="43" t="s">
        <v>172</v>
      </c>
      <c r="O6" s="43" t="s">
        <v>172</v>
      </c>
      <c r="P6" s="43" t="s">
        <v>172</v>
      </c>
      <c r="Q6" s="44" t="s">
        <v>674</v>
      </c>
      <c r="R6" s="44" t="s">
        <v>670</v>
      </c>
      <c r="S6" s="13">
        <v>7</v>
      </c>
    </row>
    <row r="7" spans="1:19" s="45" customFormat="1">
      <c r="A7" s="59">
        <v>44907</v>
      </c>
      <c r="B7" s="22"/>
      <c r="C7" s="14" t="s">
        <v>667</v>
      </c>
      <c r="D7" s="120" t="s">
        <v>172</v>
      </c>
      <c r="E7" s="120" t="s">
        <v>172</v>
      </c>
      <c r="F7" s="120" t="s">
        <v>172</v>
      </c>
      <c r="G7" s="120" t="s">
        <v>172</v>
      </c>
      <c r="H7" s="120" t="s">
        <v>172</v>
      </c>
      <c r="I7" s="120" t="s">
        <v>172</v>
      </c>
      <c r="J7" s="120" t="s">
        <v>172</v>
      </c>
      <c r="K7" s="120" t="s">
        <v>172</v>
      </c>
      <c r="L7" s="120" t="s">
        <v>172</v>
      </c>
      <c r="M7" s="120" t="s">
        <v>172</v>
      </c>
      <c r="N7" s="43" t="s">
        <v>172</v>
      </c>
      <c r="O7" s="43" t="s">
        <v>172</v>
      </c>
      <c r="P7" s="43" t="s">
        <v>172</v>
      </c>
      <c r="Q7" s="44" t="s">
        <v>675</v>
      </c>
      <c r="R7" s="44" t="s">
        <v>671</v>
      </c>
      <c r="S7" s="13">
        <v>8</v>
      </c>
    </row>
    <row r="8" spans="1:19" s="45" customFormat="1">
      <c r="A8" s="59">
        <v>44907</v>
      </c>
      <c r="B8" s="22"/>
      <c r="C8" s="14" t="s">
        <v>677</v>
      </c>
      <c r="D8" s="120" t="s">
        <v>172</v>
      </c>
      <c r="E8" s="120" t="s">
        <v>172</v>
      </c>
      <c r="F8" s="120" t="s">
        <v>172</v>
      </c>
      <c r="G8" s="120" t="s">
        <v>172</v>
      </c>
      <c r="H8" s="120" t="s">
        <v>172</v>
      </c>
      <c r="I8" s="120" t="s">
        <v>172</v>
      </c>
      <c r="J8" s="120" t="s">
        <v>172</v>
      </c>
      <c r="K8" s="120" t="s">
        <v>172</v>
      </c>
      <c r="L8" s="120" t="s">
        <v>172</v>
      </c>
      <c r="M8" s="120" t="s">
        <v>172</v>
      </c>
      <c r="N8" s="43" t="s">
        <v>172</v>
      </c>
      <c r="O8" s="43" t="s">
        <v>172</v>
      </c>
      <c r="P8" s="43" t="s">
        <v>172</v>
      </c>
      <c r="Q8" s="44" t="s">
        <v>688</v>
      </c>
      <c r="R8" s="44" t="s">
        <v>678</v>
      </c>
      <c r="S8" s="13">
        <v>6</v>
      </c>
    </row>
    <row r="9" spans="1:19" s="45" customFormat="1">
      <c r="D9" s="35"/>
      <c r="E9" s="35"/>
      <c r="F9" s="35"/>
      <c r="G9" s="35"/>
      <c r="H9" s="35"/>
      <c r="I9" s="35"/>
      <c r="J9" s="35"/>
      <c r="K9" s="35"/>
      <c r="L9" s="35"/>
      <c r="M9" s="35"/>
    </row>
    <row r="10" spans="1:19" s="45" customFormat="1">
      <c r="D10" s="35"/>
      <c r="E10" s="35"/>
      <c r="F10" s="35"/>
      <c r="G10" s="35"/>
      <c r="H10" s="35"/>
      <c r="I10" s="35"/>
      <c r="J10" s="35"/>
      <c r="K10" s="35"/>
      <c r="L10" s="35"/>
      <c r="M10" s="35"/>
    </row>
    <row r="11" spans="1:19" s="45" customFormat="1">
      <c r="A11" s="332" t="s">
        <v>679</v>
      </c>
      <c r="B11" s="333"/>
      <c r="C11" s="329" t="s">
        <v>0</v>
      </c>
      <c r="D11" s="334" t="s">
        <v>142</v>
      </c>
      <c r="E11" s="334"/>
      <c r="F11" s="334" t="s">
        <v>143</v>
      </c>
      <c r="G11" s="334"/>
      <c r="H11" s="334" t="s">
        <v>145</v>
      </c>
      <c r="I11" s="334"/>
      <c r="J11" s="334"/>
      <c r="K11" s="334"/>
      <c r="L11" s="334"/>
      <c r="M11" s="334"/>
      <c r="N11" s="328" t="s">
        <v>144</v>
      </c>
      <c r="O11" s="328"/>
      <c r="P11" s="328"/>
      <c r="Q11" s="327" t="s">
        <v>152</v>
      </c>
      <c r="R11" s="318" t="s">
        <v>153</v>
      </c>
      <c r="S11" s="318" t="s">
        <v>154</v>
      </c>
    </row>
    <row r="12" spans="1:19" s="45" customFormat="1">
      <c r="A12" s="332"/>
      <c r="B12" s="333"/>
      <c r="C12" s="330"/>
      <c r="D12" s="334"/>
      <c r="E12" s="334"/>
      <c r="F12" s="334"/>
      <c r="G12" s="334"/>
      <c r="H12" s="334" t="s">
        <v>146</v>
      </c>
      <c r="I12" s="334"/>
      <c r="J12" s="334" t="s">
        <v>147</v>
      </c>
      <c r="K12" s="334"/>
      <c r="L12" s="334" t="s">
        <v>148</v>
      </c>
      <c r="M12" s="334"/>
      <c r="N12" s="58" t="s">
        <v>149</v>
      </c>
      <c r="O12" s="320" t="s">
        <v>150</v>
      </c>
      <c r="P12" s="320"/>
      <c r="Q12" s="327"/>
      <c r="R12" s="318"/>
      <c r="S12" s="318"/>
    </row>
    <row r="13" spans="1:19" s="45" customFormat="1">
      <c r="A13" s="332"/>
      <c r="B13" s="333"/>
      <c r="C13" s="22"/>
      <c r="D13" s="118" t="s">
        <v>140</v>
      </c>
      <c r="E13" s="118" t="s">
        <v>141</v>
      </c>
      <c r="F13" s="118" t="s">
        <v>140</v>
      </c>
      <c r="G13" s="118" t="s">
        <v>141</v>
      </c>
      <c r="H13" s="118" t="s">
        <v>140</v>
      </c>
      <c r="I13" s="119" t="s">
        <v>141</v>
      </c>
      <c r="J13" s="118" t="s">
        <v>140</v>
      </c>
      <c r="K13" s="119" t="s">
        <v>141</v>
      </c>
      <c r="L13" s="118" t="s">
        <v>140</v>
      </c>
      <c r="M13" s="119" t="s">
        <v>141</v>
      </c>
      <c r="N13" s="58" t="s">
        <v>140</v>
      </c>
      <c r="O13" s="58" t="s">
        <v>140</v>
      </c>
      <c r="P13" s="58" t="s">
        <v>151</v>
      </c>
      <c r="Q13" s="327"/>
      <c r="R13" s="318"/>
      <c r="S13" s="318"/>
    </row>
    <row r="14" spans="1:19" s="45" customFormat="1">
      <c r="A14" s="59">
        <v>44909</v>
      </c>
      <c r="B14" s="60">
        <v>1</v>
      </c>
      <c r="C14" s="3" t="s">
        <v>1</v>
      </c>
      <c r="D14" s="121" t="s">
        <v>172</v>
      </c>
      <c r="E14" s="121" t="s">
        <v>172</v>
      </c>
      <c r="F14" s="121" t="s">
        <v>172</v>
      </c>
      <c r="G14" s="121" t="s">
        <v>172</v>
      </c>
      <c r="H14" s="121" t="s">
        <v>172</v>
      </c>
      <c r="I14" s="121" t="s">
        <v>172</v>
      </c>
      <c r="J14" s="121" t="s">
        <v>172</v>
      </c>
      <c r="K14" s="121" t="s">
        <v>172</v>
      </c>
      <c r="L14" s="121" t="s">
        <v>172</v>
      </c>
      <c r="M14" s="121" t="s">
        <v>172</v>
      </c>
      <c r="N14" s="61" t="s">
        <v>172</v>
      </c>
      <c r="O14" s="61" t="s">
        <v>172</v>
      </c>
      <c r="P14" s="61" t="s">
        <v>172</v>
      </c>
      <c r="Q14" s="14" t="s">
        <v>690</v>
      </c>
      <c r="R14" s="13" t="s">
        <v>691</v>
      </c>
      <c r="S14" s="13">
        <v>70</v>
      </c>
    </row>
    <row r="15" spans="1:19" s="45" customFormat="1">
      <c r="A15" s="59"/>
      <c r="B15" s="60">
        <v>1</v>
      </c>
      <c r="C15" s="3" t="s">
        <v>692</v>
      </c>
      <c r="D15" s="121" t="s">
        <v>172</v>
      </c>
      <c r="E15" s="121" t="s">
        <v>172</v>
      </c>
      <c r="F15" s="121" t="s">
        <v>172</v>
      </c>
      <c r="G15" s="121" t="s">
        <v>172</v>
      </c>
      <c r="H15" s="121" t="s">
        <v>172</v>
      </c>
      <c r="I15" s="121" t="s">
        <v>172</v>
      </c>
      <c r="J15" s="121" t="s">
        <v>172</v>
      </c>
      <c r="K15" s="121" t="s">
        <v>172</v>
      </c>
      <c r="L15" s="121" t="s">
        <v>172</v>
      </c>
      <c r="M15" s="121" t="s">
        <v>172</v>
      </c>
      <c r="N15" s="61" t="s">
        <v>172</v>
      </c>
      <c r="O15" s="61" t="s">
        <v>172</v>
      </c>
      <c r="P15" s="61" t="s">
        <v>172</v>
      </c>
      <c r="Q15" s="14" t="s">
        <v>693</v>
      </c>
      <c r="R15" s="13" t="s">
        <v>694</v>
      </c>
      <c r="S15" s="13">
        <v>70</v>
      </c>
    </row>
    <row r="16" spans="1:19" s="45" customFormat="1">
      <c r="A16" s="59">
        <v>44909</v>
      </c>
      <c r="B16" s="22">
        <v>12</v>
      </c>
      <c r="C16" s="14" t="s">
        <v>11</v>
      </c>
      <c r="D16" s="47" t="s">
        <v>172</v>
      </c>
      <c r="E16" s="47" t="s">
        <v>172</v>
      </c>
      <c r="F16" s="47" t="s">
        <v>172</v>
      </c>
      <c r="G16" s="47" t="s">
        <v>172</v>
      </c>
      <c r="H16" s="47" t="s">
        <v>172</v>
      </c>
      <c r="I16" s="47" t="s">
        <v>172</v>
      </c>
      <c r="J16" s="47" t="s">
        <v>172</v>
      </c>
      <c r="K16" s="47" t="s">
        <v>172</v>
      </c>
      <c r="L16" s="47" t="s">
        <v>172</v>
      </c>
      <c r="M16" s="47" t="s">
        <v>172</v>
      </c>
      <c r="N16" s="54" t="s">
        <v>172</v>
      </c>
      <c r="O16" s="54" t="s">
        <v>172</v>
      </c>
      <c r="P16" s="54" t="s">
        <v>172</v>
      </c>
      <c r="Q16" s="13" t="s">
        <v>682</v>
      </c>
      <c r="R16" s="13" t="s">
        <v>158</v>
      </c>
      <c r="S16" s="13">
        <v>1</v>
      </c>
    </row>
    <row r="17" spans="1:19" s="45" customFormat="1">
      <c r="A17" s="59">
        <v>44909</v>
      </c>
      <c r="B17" s="22"/>
      <c r="C17" s="14" t="s">
        <v>12</v>
      </c>
      <c r="D17" s="47" t="s">
        <v>172</v>
      </c>
      <c r="E17" s="47" t="s">
        <v>172</v>
      </c>
      <c r="F17" s="47" t="s">
        <v>172</v>
      </c>
      <c r="G17" s="47" t="s">
        <v>172</v>
      </c>
      <c r="H17" s="47" t="s">
        <v>172</v>
      </c>
      <c r="I17" s="47" t="s">
        <v>172</v>
      </c>
      <c r="J17" s="47" t="s">
        <v>172</v>
      </c>
      <c r="K17" s="47" t="s">
        <v>172</v>
      </c>
      <c r="L17" s="47" t="s">
        <v>172</v>
      </c>
      <c r="M17" s="47" t="s">
        <v>172</v>
      </c>
      <c r="N17" s="54" t="s">
        <v>172</v>
      </c>
      <c r="O17" s="54" t="s">
        <v>172</v>
      </c>
      <c r="P17" s="54" t="s">
        <v>172</v>
      </c>
      <c r="Q17" s="13" t="s">
        <v>682</v>
      </c>
      <c r="R17" s="14" t="s">
        <v>190</v>
      </c>
      <c r="S17" s="13">
        <v>1</v>
      </c>
    </row>
    <row r="18" spans="1:19" s="45" customFormat="1">
      <c r="A18" s="59">
        <v>44909</v>
      </c>
      <c r="B18" s="22"/>
      <c r="C18" s="14" t="s">
        <v>13</v>
      </c>
      <c r="D18" s="47" t="s">
        <v>172</v>
      </c>
      <c r="E18" s="47" t="s">
        <v>172</v>
      </c>
      <c r="F18" s="47" t="s">
        <v>172</v>
      </c>
      <c r="G18" s="47" t="s">
        <v>172</v>
      </c>
      <c r="H18" s="47" t="s">
        <v>172</v>
      </c>
      <c r="I18" s="47" t="s">
        <v>172</v>
      </c>
      <c r="J18" s="47" t="s">
        <v>172</v>
      </c>
      <c r="K18" s="47" t="s">
        <v>172</v>
      </c>
      <c r="L18" s="47" t="s">
        <v>172</v>
      </c>
      <c r="M18" s="47" t="s">
        <v>172</v>
      </c>
      <c r="N18" s="54" t="s">
        <v>172</v>
      </c>
      <c r="O18" s="54" t="s">
        <v>172</v>
      </c>
      <c r="P18" s="54" t="s">
        <v>172</v>
      </c>
      <c r="Q18" s="13" t="s">
        <v>682</v>
      </c>
      <c r="R18" s="14" t="s">
        <v>191</v>
      </c>
      <c r="S18" s="13">
        <v>2</v>
      </c>
    </row>
    <row r="19" spans="1:19" s="45" customFormat="1">
      <c r="A19" s="59">
        <v>44909</v>
      </c>
      <c r="B19" s="22">
        <v>13</v>
      </c>
      <c r="C19" s="14" t="s">
        <v>14</v>
      </c>
      <c r="D19" s="47" t="s">
        <v>172</v>
      </c>
      <c r="E19" s="47" t="s">
        <v>172</v>
      </c>
      <c r="F19" s="47" t="s">
        <v>172</v>
      </c>
      <c r="G19" s="47" t="s">
        <v>172</v>
      </c>
      <c r="H19" s="47" t="s">
        <v>172</v>
      </c>
      <c r="I19" s="47" t="s">
        <v>172</v>
      </c>
      <c r="J19" s="47" t="s">
        <v>172</v>
      </c>
      <c r="K19" s="47" t="s">
        <v>172</v>
      </c>
      <c r="L19" s="47" t="s">
        <v>172</v>
      </c>
      <c r="M19" s="47" t="s">
        <v>172</v>
      </c>
      <c r="N19" s="54" t="s">
        <v>172</v>
      </c>
      <c r="O19" s="54" t="s">
        <v>172</v>
      </c>
      <c r="P19" s="54" t="s">
        <v>172</v>
      </c>
      <c r="Q19" s="14" t="s">
        <v>683</v>
      </c>
      <c r="R19" s="14" t="s">
        <v>192</v>
      </c>
      <c r="S19" s="13">
        <v>2</v>
      </c>
    </row>
    <row r="20" spans="1:19" s="45" customFormat="1">
      <c r="A20" s="59">
        <v>44909</v>
      </c>
      <c r="B20" s="22"/>
      <c r="C20" s="14" t="s">
        <v>15</v>
      </c>
      <c r="D20" s="47" t="s">
        <v>172</v>
      </c>
      <c r="E20" s="47" t="s">
        <v>172</v>
      </c>
      <c r="F20" s="47" t="s">
        <v>172</v>
      </c>
      <c r="G20" s="47" t="s">
        <v>172</v>
      </c>
      <c r="H20" s="47" t="s">
        <v>172</v>
      </c>
      <c r="I20" s="47" t="s">
        <v>172</v>
      </c>
      <c r="J20" s="47" t="s">
        <v>172</v>
      </c>
      <c r="K20" s="47" t="s">
        <v>172</v>
      </c>
      <c r="L20" s="47" t="s">
        <v>172</v>
      </c>
      <c r="M20" s="47" t="s">
        <v>172</v>
      </c>
      <c r="N20" s="54" t="s">
        <v>172</v>
      </c>
      <c r="O20" s="54" t="s">
        <v>172</v>
      </c>
      <c r="P20" s="54" t="s">
        <v>172</v>
      </c>
      <c r="Q20" s="14" t="s">
        <v>684</v>
      </c>
      <c r="R20" s="14" t="s">
        <v>193</v>
      </c>
      <c r="S20" s="13">
        <v>171</v>
      </c>
    </row>
    <row r="21" spans="1:19" s="45" customFormat="1">
      <c r="A21" s="59">
        <v>44909</v>
      </c>
      <c r="B21" s="22"/>
      <c r="C21" s="14" t="s">
        <v>16</v>
      </c>
      <c r="D21" s="47" t="s">
        <v>172</v>
      </c>
      <c r="E21" s="47" t="s">
        <v>172</v>
      </c>
      <c r="F21" s="47" t="s">
        <v>172</v>
      </c>
      <c r="G21" s="47" t="s">
        <v>172</v>
      </c>
      <c r="H21" s="47" t="s">
        <v>172</v>
      </c>
      <c r="I21" s="47" t="s">
        <v>172</v>
      </c>
      <c r="J21" s="47" t="s">
        <v>172</v>
      </c>
      <c r="K21" s="47" t="s">
        <v>172</v>
      </c>
      <c r="L21" s="47" t="s">
        <v>172</v>
      </c>
      <c r="M21" s="47" t="s">
        <v>172</v>
      </c>
      <c r="N21" s="54" t="s">
        <v>172</v>
      </c>
      <c r="O21" s="54" t="s">
        <v>172</v>
      </c>
      <c r="P21" s="54" t="s">
        <v>172</v>
      </c>
      <c r="Q21" s="14" t="s">
        <v>685</v>
      </c>
      <c r="R21" s="14" t="s">
        <v>194</v>
      </c>
      <c r="S21" s="13">
        <v>102</v>
      </c>
    </row>
    <row r="22" spans="1:19" s="45" customFormat="1">
      <c r="A22" s="59">
        <v>44909</v>
      </c>
      <c r="B22" s="22"/>
      <c r="C22" s="14" t="s">
        <v>17</v>
      </c>
      <c r="D22" s="47" t="s">
        <v>172</v>
      </c>
      <c r="E22" s="47" t="s">
        <v>172</v>
      </c>
      <c r="F22" s="47" t="s">
        <v>172</v>
      </c>
      <c r="G22" s="47" t="s">
        <v>172</v>
      </c>
      <c r="H22" s="47" t="s">
        <v>172</v>
      </c>
      <c r="I22" s="47" t="s">
        <v>172</v>
      </c>
      <c r="J22" s="47" t="s">
        <v>172</v>
      </c>
      <c r="K22" s="47" t="s">
        <v>172</v>
      </c>
      <c r="L22" s="47" t="s">
        <v>172</v>
      </c>
      <c r="M22" s="47" t="s">
        <v>172</v>
      </c>
      <c r="N22" s="54" t="s">
        <v>172</v>
      </c>
      <c r="O22" s="54" t="s">
        <v>172</v>
      </c>
      <c r="P22" s="54" t="s">
        <v>172</v>
      </c>
      <c r="Q22" s="14" t="s">
        <v>686</v>
      </c>
      <c r="R22" s="14" t="s">
        <v>195</v>
      </c>
      <c r="S22" s="13">
        <v>11</v>
      </c>
    </row>
    <row r="23" spans="1:19" s="45" customFormat="1">
      <c r="A23" s="59">
        <v>44909</v>
      </c>
      <c r="B23" s="22">
        <v>100</v>
      </c>
      <c r="C23" s="14" t="s">
        <v>101</v>
      </c>
      <c r="D23" s="47" t="s">
        <v>155</v>
      </c>
      <c r="E23" s="47" t="s">
        <v>155</v>
      </c>
      <c r="F23" s="47" t="s">
        <v>155</v>
      </c>
      <c r="G23" s="47" t="s">
        <v>155</v>
      </c>
      <c r="H23" s="47" t="s">
        <v>155</v>
      </c>
      <c r="I23" s="47" t="s">
        <v>155</v>
      </c>
      <c r="J23" s="47" t="s">
        <v>155</v>
      </c>
      <c r="K23" s="47" t="s">
        <v>155</v>
      </c>
      <c r="L23" s="47" t="s">
        <v>155</v>
      </c>
      <c r="M23" s="47" t="s">
        <v>155</v>
      </c>
      <c r="N23" s="54" t="s">
        <v>155</v>
      </c>
      <c r="O23" s="54" t="s">
        <v>155</v>
      </c>
      <c r="P23" s="54" t="s">
        <v>155</v>
      </c>
      <c r="Q23" s="13" t="s">
        <v>687</v>
      </c>
      <c r="R23" s="14" t="s">
        <v>689</v>
      </c>
      <c r="S23" s="13">
        <v>54</v>
      </c>
    </row>
    <row r="24" spans="1:19">
      <c r="D24" s="34"/>
      <c r="E24" s="34"/>
      <c r="F24" s="34"/>
      <c r="G24" s="34"/>
      <c r="H24" s="34"/>
      <c r="I24" s="34"/>
      <c r="J24" s="34"/>
      <c r="K24" s="34"/>
      <c r="L24" s="34"/>
      <c r="M24" s="34"/>
    </row>
    <row r="25" spans="1:19">
      <c r="D25" s="34"/>
      <c r="E25" s="34"/>
      <c r="F25" s="34"/>
      <c r="G25" s="34"/>
      <c r="H25" s="34"/>
      <c r="I25" s="34"/>
      <c r="J25" s="34"/>
      <c r="K25" s="34"/>
      <c r="L25" s="34"/>
      <c r="M25" s="34"/>
    </row>
    <row r="26" spans="1:19">
      <c r="A26" s="59">
        <v>44970</v>
      </c>
      <c r="B26" s="22">
        <v>12</v>
      </c>
      <c r="C26" s="14" t="s">
        <v>703</v>
      </c>
      <c r="D26" s="47" t="s">
        <v>172</v>
      </c>
      <c r="E26" s="47" t="s">
        <v>172</v>
      </c>
      <c r="F26" s="47" t="s">
        <v>172</v>
      </c>
      <c r="G26" s="47" t="s">
        <v>172</v>
      </c>
      <c r="H26" s="47" t="s">
        <v>172</v>
      </c>
      <c r="I26" s="47" t="s">
        <v>172</v>
      </c>
      <c r="J26" s="47" t="s">
        <v>172</v>
      </c>
      <c r="K26" s="47" t="s">
        <v>172</v>
      </c>
      <c r="L26" s="47" t="s">
        <v>172</v>
      </c>
      <c r="M26" s="47" t="s">
        <v>172</v>
      </c>
      <c r="N26" s="54" t="s">
        <v>172</v>
      </c>
      <c r="O26" s="54" t="s">
        <v>172</v>
      </c>
      <c r="P26" s="54" t="s">
        <v>172</v>
      </c>
      <c r="Q26" s="40" t="s">
        <v>784</v>
      </c>
      <c r="R26" s="14" t="s">
        <v>704</v>
      </c>
      <c r="S26" s="13">
        <v>4</v>
      </c>
    </row>
    <row r="27" spans="1:19" s="45" customFormat="1">
      <c r="A27" s="59">
        <v>44970</v>
      </c>
      <c r="B27" s="22">
        <v>34</v>
      </c>
      <c r="C27" s="14" t="s">
        <v>268</v>
      </c>
      <c r="D27" s="120" t="s">
        <v>172</v>
      </c>
      <c r="E27" s="120" t="s">
        <v>172</v>
      </c>
      <c r="F27" s="120" t="s">
        <v>172</v>
      </c>
      <c r="G27" s="120" t="s">
        <v>172</v>
      </c>
      <c r="H27" s="120" t="s">
        <v>159</v>
      </c>
      <c r="I27" s="120" t="s">
        <v>159</v>
      </c>
      <c r="J27" s="120" t="s">
        <v>159</v>
      </c>
      <c r="K27" s="120" t="s">
        <v>159</v>
      </c>
      <c r="L27" s="120" t="s">
        <v>159</v>
      </c>
      <c r="M27" s="120" t="s">
        <v>159</v>
      </c>
      <c r="N27" s="43" t="s">
        <v>159</v>
      </c>
      <c r="O27" s="43" t="s">
        <v>159</v>
      </c>
      <c r="P27" s="43" t="s">
        <v>159</v>
      </c>
      <c r="Q27" s="22" t="s">
        <v>492</v>
      </c>
      <c r="R27" s="14" t="s">
        <v>271</v>
      </c>
      <c r="S27" s="13">
        <v>161</v>
      </c>
    </row>
    <row r="28" spans="1:19" s="45" customFormat="1" ht="29">
      <c r="A28" s="59">
        <v>44970</v>
      </c>
      <c r="B28" s="336">
        <v>52</v>
      </c>
      <c r="C28" s="62" t="s">
        <v>697</v>
      </c>
      <c r="D28" s="47" t="s">
        <v>172</v>
      </c>
      <c r="E28" s="47" t="s">
        <v>172</v>
      </c>
      <c r="F28" s="47" t="s">
        <v>172</v>
      </c>
      <c r="G28" s="47" t="s">
        <v>172</v>
      </c>
      <c r="H28" s="47" t="s">
        <v>172</v>
      </c>
      <c r="I28" s="47" t="s">
        <v>172</v>
      </c>
      <c r="J28" s="47" t="s">
        <v>172</v>
      </c>
      <c r="K28" s="47" t="s">
        <v>172</v>
      </c>
      <c r="L28" s="47" t="s">
        <v>172</v>
      </c>
      <c r="M28" s="47" t="s">
        <v>172</v>
      </c>
      <c r="N28" s="54" t="s">
        <v>172</v>
      </c>
      <c r="O28" s="54" t="s">
        <v>172</v>
      </c>
      <c r="P28" s="54" t="s">
        <v>172</v>
      </c>
      <c r="Q28" s="56" t="s">
        <v>695</v>
      </c>
      <c r="R28" s="14" t="s">
        <v>696</v>
      </c>
      <c r="S28" s="57" t="s">
        <v>169</v>
      </c>
    </row>
    <row r="29" spans="1:19" s="45" customFormat="1">
      <c r="A29" s="59">
        <v>44970</v>
      </c>
      <c r="B29" s="337"/>
      <c r="C29" s="62" t="s">
        <v>700</v>
      </c>
      <c r="D29" s="47" t="s">
        <v>172</v>
      </c>
      <c r="E29" s="47" t="s">
        <v>172</v>
      </c>
      <c r="F29" s="47" t="s">
        <v>172</v>
      </c>
      <c r="G29" s="47" t="s">
        <v>172</v>
      </c>
      <c r="H29" s="47" t="s">
        <v>172</v>
      </c>
      <c r="I29" s="47" t="s">
        <v>172</v>
      </c>
      <c r="J29" s="47" t="s">
        <v>172</v>
      </c>
      <c r="K29" s="47" t="s">
        <v>172</v>
      </c>
      <c r="L29" s="47" t="s">
        <v>172</v>
      </c>
      <c r="M29" s="47" t="s">
        <v>172</v>
      </c>
      <c r="N29" s="54" t="s">
        <v>172</v>
      </c>
      <c r="O29" s="54" t="s">
        <v>172</v>
      </c>
      <c r="P29" s="54" t="s">
        <v>172</v>
      </c>
      <c r="Q29" s="56" t="s">
        <v>296</v>
      </c>
      <c r="R29" s="14" t="s">
        <v>699</v>
      </c>
      <c r="S29" s="57" t="s">
        <v>169</v>
      </c>
    </row>
    <row r="30" spans="1:19" s="45" customFormat="1">
      <c r="A30" s="59">
        <v>44970</v>
      </c>
      <c r="B30" s="338"/>
      <c r="C30" s="62" t="s">
        <v>698</v>
      </c>
      <c r="D30" s="47" t="s">
        <v>172</v>
      </c>
      <c r="E30" s="47" t="s">
        <v>172</v>
      </c>
      <c r="F30" s="47" t="s">
        <v>172</v>
      </c>
      <c r="G30" s="47" t="s">
        <v>172</v>
      </c>
      <c r="H30" s="47" t="s">
        <v>172</v>
      </c>
      <c r="I30" s="47" t="s">
        <v>172</v>
      </c>
      <c r="J30" s="47" t="s">
        <v>172</v>
      </c>
      <c r="K30" s="47" t="s">
        <v>172</v>
      </c>
      <c r="L30" s="47" t="s">
        <v>172</v>
      </c>
      <c r="M30" s="47" t="s">
        <v>172</v>
      </c>
      <c r="N30" s="54" t="s">
        <v>172</v>
      </c>
      <c r="O30" s="54" t="s">
        <v>172</v>
      </c>
      <c r="P30" s="54" t="s">
        <v>172</v>
      </c>
      <c r="Q30" s="56" t="s">
        <v>296</v>
      </c>
      <c r="R30" s="14" t="s">
        <v>701</v>
      </c>
      <c r="S30" s="57" t="s">
        <v>169</v>
      </c>
    </row>
    <row r="31" spans="1:19" s="45" customFormat="1" ht="29">
      <c r="A31" s="59">
        <v>44970</v>
      </c>
      <c r="B31" s="336">
        <v>116</v>
      </c>
      <c r="C31" s="14" t="s">
        <v>705</v>
      </c>
      <c r="D31" s="47"/>
      <c r="E31" s="47"/>
      <c r="F31" s="47"/>
      <c r="G31" s="47"/>
      <c r="H31" s="47"/>
      <c r="I31" s="47"/>
      <c r="J31" s="47"/>
      <c r="K31" s="47"/>
      <c r="L31" s="47"/>
      <c r="M31" s="47"/>
      <c r="N31" s="54"/>
      <c r="O31" s="54"/>
      <c r="P31" s="54"/>
      <c r="Q31" s="47"/>
      <c r="R31" s="47"/>
      <c r="S31" s="47"/>
    </row>
    <row r="32" spans="1:19" s="45" customFormat="1">
      <c r="A32" s="59">
        <v>44970</v>
      </c>
      <c r="B32" s="337"/>
      <c r="C32" s="63" t="s">
        <v>706</v>
      </c>
      <c r="D32" s="47" t="s">
        <v>159</v>
      </c>
      <c r="E32" s="47" t="s">
        <v>159</v>
      </c>
      <c r="F32" s="47" t="s">
        <v>159</v>
      </c>
      <c r="G32" s="47" t="s">
        <v>159</v>
      </c>
      <c r="H32" s="47" t="s">
        <v>172</v>
      </c>
      <c r="I32" s="47" t="s">
        <v>172</v>
      </c>
      <c r="J32" s="47" t="s">
        <v>172</v>
      </c>
      <c r="K32" s="47" t="s">
        <v>172</v>
      </c>
      <c r="L32" s="47" t="s">
        <v>172</v>
      </c>
      <c r="M32" s="47" t="s">
        <v>172</v>
      </c>
      <c r="N32" s="54" t="s">
        <v>159</v>
      </c>
      <c r="O32" s="54" t="s">
        <v>159</v>
      </c>
      <c r="P32" s="54" t="s">
        <v>159</v>
      </c>
      <c r="Q32" s="13" t="s">
        <v>711</v>
      </c>
      <c r="R32" s="14" t="s">
        <v>715</v>
      </c>
      <c r="S32" s="13">
        <v>150</v>
      </c>
    </row>
    <row r="33" spans="1:19" s="45" customFormat="1">
      <c r="A33" s="59">
        <v>44970</v>
      </c>
      <c r="B33" s="337"/>
      <c r="C33" s="63" t="s">
        <v>707</v>
      </c>
      <c r="D33" s="47" t="s">
        <v>159</v>
      </c>
      <c r="E33" s="47" t="s">
        <v>159</v>
      </c>
      <c r="F33" s="47" t="s">
        <v>159</v>
      </c>
      <c r="G33" s="47" t="s">
        <v>159</v>
      </c>
      <c r="H33" s="47" t="s">
        <v>172</v>
      </c>
      <c r="I33" s="47" t="s">
        <v>172</v>
      </c>
      <c r="J33" s="47" t="s">
        <v>172</v>
      </c>
      <c r="K33" s="47" t="s">
        <v>172</v>
      </c>
      <c r="L33" s="47" t="s">
        <v>172</v>
      </c>
      <c r="M33" s="47" t="s">
        <v>172</v>
      </c>
      <c r="N33" s="54" t="s">
        <v>159</v>
      </c>
      <c r="O33" s="54" t="s">
        <v>159</v>
      </c>
      <c r="P33" s="54" t="s">
        <v>159</v>
      </c>
      <c r="Q33" s="13" t="s">
        <v>712</v>
      </c>
      <c r="R33" s="14" t="s">
        <v>719</v>
      </c>
      <c r="S33" s="13">
        <v>151</v>
      </c>
    </row>
    <row r="34" spans="1:19" s="45" customFormat="1">
      <c r="A34" s="59">
        <v>44970</v>
      </c>
      <c r="B34" s="337"/>
      <c r="C34" s="63" t="s">
        <v>708</v>
      </c>
      <c r="D34" s="47" t="s">
        <v>159</v>
      </c>
      <c r="E34" s="47" t="s">
        <v>159</v>
      </c>
      <c r="F34" s="47" t="s">
        <v>159</v>
      </c>
      <c r="G34" s="47" t="s">
        <v>159</v>
      </c>
      <c r="H34" s="47" t="s">
        <v>172</v>
      </c>
      <c r="I34" s="47" t="s">
        <v>172</v>
      </c>
      <c r="J34" s="47" t="s">
        <v>172</v>
      </c>
      <c r="K34" s="47" t="s">
        <v>172</v>
      </c>
      <c r="L34" s="47" t="s">
        <v>172</v>
      </c>
      <c r="M34" s="47" t="s">
        <v>172</v>
      </c>
      <c r="N34" s="54" t="s">
        <v>159</v>
      </c>
      <c r="O34" s="54" t="s">
        <v>159</v>
      </c>
      <c r="P34" s="54" t="s">
        <v>159</v>
      </c>
      <c r="Q34" s="13" t="s">
        <v>713</v>
      </c>
      <c r="R34" s="14" t="s">
        <v>720</v>
      </c>
      <c r="S34" s="13">
        <v>152</v>
      </c>
    </row>
    <row r="35" spans="1:19" s="45" customFormat="1">
      <c r="A35" s="59">
        <v>44970</v>
      </c>
      <c r="B35" s="337"/>
      <c r="C35" s="63" t="s">
        <v>709</v>
      </c>
      <c r="D35" s="47" t="s">
        <v>159</v>
      </c>
      <c r="E35" s="47" t="s">
        <v>159</v>
      </c>
      <c r="F35" s="47" t="s">
        <v>159</v>
      </c>
      <c r="G35" s="47" t="s">
        <v>159</v>
      </c>
      <c r="H35" s="47" t="s">
        <v>172</v>
      </c>
      <c r="I35" s="47" t="s">
        <v>172</v>
      </c>
      <c r="J35" s="47" t="s">
        <v>172</v>
      </c>
      <c r="K35" s="47" t="s">
        <v>172</v>
      </c>
      <c r="L35" s="47" t="s">
        <v>172</v>
      </c>
      <c r="M35" s="47" t="s">
        <v>172</v>
      </c>
      <c r="N35" s="54" t="s">
        <v>159</v>
      </c>
      <c r="O35" s="54" t="s">
        <v>159</v>
      </c>
      <c r="P35" s="54" t="s">
        <v>159</v>
      </c>
      <c r="Q35" s="13" t="s">
        <v>714</v>
      </c>
      <c r="R35" s="14" t="s">
        <v>721</v>
      </c>
      <c r="S35" s="13">
        <v>153</v>
      </c>
    </row>
    <row r="36" spans="1:19" s="45" customFormat="1">
      <c r="A36" s="59">
        <v>44970</v>
      </c>
      <c r="B36" s="338"/>
      <c r="C36" s="63" t="s">
        <v>710</v>
      </c>
      <c r="D36" s="47" t="s">
        <v>159</v>
      </c>
      <c r="E36" s="47" t="s">
        <v>159</v>
      </c>
      <c r="F36" s="47" t="s">
        <v>159</v>
      </c>
      <c r="G36" s="47" t="s">
        <v>159</v>
      </c>
      <c r="H36" s="47" t="s">
        <v>172</v>
      </c>
      <c r="I36" s="47" t="s">
        <v>172</v>
      </c>
      <c r="J36" s="47" t="s">
        <v>172</v>
      </c>
      <c r="K36" s="47" t="s">
        <v>172</v>
      </c>
      <c r="L36" s="47" t="s">
        <v>172</v>
      </c>
      <c r="M36" s="47" t="s">
        <v>172</v>
      </c>
      <c r="N36" s="54" t="s">
        <v>159</v>
      </c>
      <c r="O36" s="54" t="s">
        <v>159</v>
      </c>
      <c r="P36" s="54" t="s">
        <v>159</v>
      </c>
      <c r="Q36" s="13" t="s">
        <v>722</v>
      </c>
      <c r="R36" s="14" t="s">
        <v>723</v>
      </c>
      <c r="S36" s="13">
        <v>121</v>
      </c>
    </row>
    <row r="37" spans="1:19" s="45" customFormat="1">
      <c r="A37" s="59">
        <v>44970</v>
      </c>
      <c r="B37" s="22">
        <v>117</v>
      </c>
      <c r="C37" s="63" t="s">
        <v>716</v>
      </c>
      <c r="D37" s="47" t="s">
        <v>159</v>
      </c>
      <c r="E37" s="47" t="s">
        <v>159</v>
      </c>
      <c r="F37" s="47" t="s">
        <v>155</v>
      </c>
      <c r="G37" s="47" t="s">
        <v>155</v>
      </c>
      <c r="H37" s="47" t="s">
        <v>159</v>
      </c>
      <c r="I37" s="47" t="s">
        <v>159</v>
      </c>
      <c r="J37" s="47" t="s">
        <v>159</v>
      </c>
      <c r="K37" s="47" t="s">
        <v>159</v>
      </c>
      <c r="L37" s="47" t="s">
        <v>159</v>
      </c>
      <c r="M37" s="47" t="s">
        <v>159</v>
      </c>
      <c r="N37" s="54" t="s">
        <v>159</v>
      </c>
      <c r="O37" s="54" t="s">
        <v>159</v>
      </c>
      <c r="P37" s="54" t="s">
        <v>159</v>
      </c>
      <c r="Q37" s="13" t="s">
        <v>717</v>
      </c>
      <c r="R37" s="14" t="s">
        <v>718</v>
      </c>
      <c r="S37" s="47">
        <v>7</v>
      </c>
    </row>
    <row r="38" spans="1:19" s="45" customFormat="1">
      <c r="A38" s="59">
        <v>44970</v>
      </c>
      <c r="B38" s="22">
        <v>53</v>
      </c>
      <c r="C38" s="14" t="s">
        <v>56</v>
      </c>
      <c r="D38" s="47" t="s">
        <v>172</v>
      </c>
      <c r="E38" s="47" t="s">
        <v>172</v>
      </c>
      <c r="F38" s="47" t="s">
        <v>172</v>
      </c>
      <c r="G38" s="47" t="s">
        <v>172</v>
      </c>
      <c r="H38" s="47" t="s">
        <v>172</v>
      </c>
      <c r="I38" s="47" t="s">
        <v>172</v>
      </c>
      <c r="J38" s="47" t="s">
        <v>172</v>
      </c>
      <c r="K38" s="47" t="s">
        <v>172</v>
      </c>
      <c r="L38" s="47" t="s">
        <v>172</v>
      </c>
      <c r="M38" s="47" t="s">
        <v>172</v>
      </c>
      <c r="N38" s="54" t="s">
        <v>172</v>
      </c>
      <c r="O38" s="54" t="s">
        <v>172</v>
      </c>
      <c r="P38" s="54" t="s">
        <v>172</v>
      </c>
      <c r="Q38" s="13" t="s">
        <v>300</v>
      </c>
      <c r="R38" s="13" t="s">
        <v>301</v>
      </c>
      <c r="S38" s="13">
        <v>30</v>
      </c>
    </row>
    <row r="39" spans="1:19" s="45" customFormat="1">
      <c r="A39" s="59">
        <v>44970</v>
      </c>
      <c r="B39" s="42" t="s">
        <v>724</v>
      </c>
      <c r="C39" s="3" t="s">
        <v>725</v>
      </c>
      <c r="D39" s="47" t="s">
        <v>172</v>
      </c>
      <c r="E39" s="47" t="s">
        <v>172</v>
      </c>
      <c r="F39" s="47" t="s">
        <v>172</v>
      </c>
      <c r="G39" s="47" t="s">
        <v>172</v>
      </c>
      <c r="H39" s="47" t="s">
        <v>172</v>
      </c>
      <c r="I39" s="47" t="s">
        <v>172</v>
      </c>
      <c r="J39" s="47" t="s">
        <v>172</v>
      </c>
      <c r="K39" s="47" t="s">
        <v>172</v>
      </c>
      <c r="L39" s="47" t="s">
        <v>172</v>
      </c>
      <c r="M39" s="47" t="s">
        <v>172</v>
      </c>
      <c r="N39" s="54" t="s">
        <v>172</v>
      </c>
      <c r="O39" s="54" t="s">
        <v>172</v>
      </c>
      <c r="P39" s="54" t="s">
        <v>172</v>
      </c>
      <c r="Q39" s="22" t="s">
        <v>726</v>
      </c>
      <c r="R39" s="13" t="s">
        <v>727</v>
      </c>
      <c r="S39" s="13">
        <v>245</v>
      </c>
    </row>
    <row r="40" spans="1:19" s="45" customFormat="1">
      <c r="D40" s="35"/>
      <c r="E40" s="35"/>
      <c r="F40" s="35"/>
      <c r="G40" s="35"/>
      <c r="H40" s="35"/>
      <c r="I40" s="35"/>
      <c r="J40" s="35"/>
      <c r="K40" s="35"/>
      <c r="L40" s="35"/>
      <c r="M40" s="35"/>
    </row>
    <row r="41" spans="1:19" s="45" customFormat="1">
      <c r="A41" s="59">
        <v>44974</v>
      </c>
      <c r="B41" s="335">
        <v>118</v>
      </c>
      <c r="C41" s="63" t="s">
        <v>740</v>
      </c>
      <c r="D41" s="47" t="s">
        <v>172</v>
      </c>
      <c r="E41" s="47" t="s">
        <v>172</v>
      </c>
      <c r="F41" s="47" t="s">
        <v>172</v>
      </c>
      <c r="G41" s="47" t="s">
        <v>172</v>
      </c>
      <c r="H41" s="47" t="s">
        <v>172</v>
      </c>
      <c r="I41" s="47" t="s">
        <v>172</v>
      </c>
      <c r="J41" s="47" t="s">
        <v>172</v>
      </c>
      <c r="K41" s="47" t="s">
        <v>172</v>
      </c>
      <c r="L41" s="47" t="s">
        <v>172</v>
      </c>
      <c r="M41" s="47" t="s">
        <v>172</v>
      </c>
      <c r="N41" s="47" t="s">
        <v>172</v>
      </c>
      <c r="O41" s="47" t="s">
        <v>172</v>
      </c>
      <c r="P41" s="47" t="s">
        <v>172</v>
      </c>
      <c r="Q41" s="44" t="s">
        <v>736</v>
      </c>
      <c r="R41" s="44" t="s">
        <v>737</v>
      </c>
      <c r="S41" s="47">
        <v>130</v>
      </c>
    </row>
    <row r="42" spans="1:19" s="45" customFormat="1">
      <c r="A42" s="59">
        <v>44974</v>
      </c>
      <c r="B42" s="335"/>
      <c r="C42" s="63" t="s">
        <v>741</v>
      </c>
      <c r="D42" s="47" t="s">
        <v>172</v>
      </c>
      <c r="E42" s="47" t="s">
        <v>172</v>
      </c>
      <c r="F42" s="47" t="s">
        <v>172</v>
      </c>
      <c r="G42" s="47" t="s">
        <v>172</v>
      </c>
      <c r="H42" s="47" t="s">
        <v>172</v>
      </c>
      <c r="I42" s="47" t="s">
        <v>172</v>
      </c>
      <c r="J42" s="47" t="s">
        <v>172</v>
      </c>
      <c r="K42" s="47" t="s">
        <v>172</v>
      </c>
      <c r="L42" s="47" t="s">
        <v>172</v>
      </c>
      <c r="M42" s="47" t="s">
        <v>172</v>
      </c>
      <c r="N42" s="47" t="s">
        <v>172</v>
      </c>
      <c r="O42" s="47" t="s">
        <v>172</v>
      </c>
      <c r="P42" s="47" t="s">
        <v>172</v>
      </c>
      <c r="Q42" s="44" t="s">
        <v>738</v>
      </c>
      <c r="R42" s="44" t="s">
        <v>739</v>
      </c>
      <c r="S42" s="47">
        <v>131</v>
      </c>
    </row>
    <row r="43" spans="1:19" s="45" customFormat="1">
      <c r="A43" s="59">
        <v>44974</v>
      </c>
      <c r="B43" s="335"/>
      <c r="C43" s="63" t="s">
        <v>743</v>
      </c>
      <c r="D43" s="47" t="s">
        <v>172</v>
      </c>
      <c r="E43" s="47" t="s">
        <v>172</v>
      </c>
      <c r="F43" s="47" t="s">
        <v>172</v>
      </c>
      <c r="G43" s="47" t="s">
        <v>172</v>
      </c>
      <c r="H43" s="47" t="s">
        <v>172</v>
      </c>
      <c r="I43" s="47" t="s">
        <v>172</v>
      </c>
      <c r="J43" s="47" t="s">
        <v>172</v>
      </c>
      <c r="K43" s="47" t="s">
        <v>172</v>
      </c>
      <c r="L43" s="47" t="s">
        <v>172</v>
      </c>
      <c r="M43" s="47" t="s">
        <v>172</v>
      </c>
      <c r="N43" s="47" t="s">
        <v>172</v>
      </c>
      <c r="O43" s="47" t="s">
        <v>172</v>
      </c>
      <c r="P43" s="47" t="s">
        <v>172</v>
      </c>
      <c r="Q43" s="44" t="s">
        <v>742</v>
      </c>
      <c r="R43" s="78" t="s">
        <v>883</v>
      </c>
      <c r="S43" s="70">
        <v>131</v>
      </c>
    </row>
    <row r="44" spans="1:19" s="45" customFormat="1">
      <c r="A44" s="59">
        <v>44974</v>
      </c>
      <c r="B44" s="321">
        <v>7</v>
      </c>
      <c r="C44" s="3" t="s">
        <v>755</v>
      </c>
      <c r="D44" s="47" t="s">
        <v>172</v>
      </c>
      <c r="E44" s="47" t="s">
        <v>172</v>
      </c>
      <c r="F44" s="47" t="s">
        <v>172</v>
      </c>
      <c r="G44" s="47" t="s">
        <v>172</v>
      </c>
      <c r="H44" s="47" t="s">
        <v>172</v>
      </c>
      <c r="I44" s="47" t="s">
        <v>172</v>
      </c>
      <c r="J44" s="47" t="s">
        <v>172</v>
      </c>
      <c r="K44" s="47" t="s">
        <v>172</v>
      </c>
      <c r="L44" s="47" t="s">
        <v>172</v>
      </c>
      <c r="M44" s="47" t="s">
        <v>172</v>
      </c>
      <c r="N44" s="54" t="s">
        <v>172</v>
      </c>
      <c r="O44" s="54" t="s">
        <v>172</v>
      </c>
      <c r="P44" s="54" t="s">
        <v>172</v>
      </c>
      <c r="Q44" s="13" t="s">
        <v>760</v>
      </c>
      <c r="R44" s="14" t="s">
        <v>759</v>
      </c>
      <c r="S44" s="13">
        <v>145</v>
      </c>
    </row>
    <row r="45" spans="1:19" s="45" customFormat="1">
      <c r="A45" s="59">
        <v>44974</v>
      </c>
      <c r="B45" s="322"/>
      <c r="C45" s="3" t="s">
        <v>756</v>
      </c>
      <c r="D45" s="47" t="s">
        <v>172</v>
      </c>
      <c r="E45" s="47" t="s">
        <v>172</v>
      </c>
      <c r="F45" s="47" t="s">
        <v>172</v>
      </c>
      <c r="G45" s="47" t="s">
        <v>172</v>
      </c>
      <c r="H45" s="47" t="s">
        <v>172</v>
      </c>
      <c r="I45" s="47" t="s">
        <v>172</v>
      </c>
      <c r="J45" s="47" t="s">
        <v>172</v>
      </c>
      <c r="K45" s="47" t="s">
        <v>172</v>
      </c>
      <c r="L45" s="47" t="s">
        <v>172</v>
      </c>
      <c r="M45" s="47" t="s">
        <v>172</v>
      </c>
      <c r="N45" s="54" t="s">
        <v>172</v>
      </c>
      <c r="O45" s="54" t="s">
        <v>172</v>
      </c>
      <c r="P45" s="54" t="s">
        <v>172</v>
      </c>
      <c r="Q45" s="13" t="s">
        <v>761</v>
      </c>
      <c r="R45" s="14" t="s">
        <v>764</v>
      </c>
      <c r="S45" s="13">
        <v>146</v>
      </c>
    </row>
    <row r="46" spans="1:19" s="45" customFormat="1">
      <c r="A46" s="59">
        <v>44974</v>
      </c>
      <c r="B46" s="322"/>
      <c r="C46" s="3" t="s">
        <v>757</v>
      </c>
      <c r="D46" s="47" t="s">
        <v>172</v>
      </c>
      <c r="E46" s="47" t="s">
        <v>172</v>
      </c>
      <c r="F46" s="47" t="s">
        <v>172</v>
      </c>
      <c r="G46" s="47" t="s">
        <v>172</v>
      </c>
      <c r="H46" s="47" t="s">
        <v>172</v>
      </c>
      <c r="I46" s="47" t="s">
        <v>172</v>
      </c>
      <c r="J46" s="47" t="s">
        <v>172</v>
      </c>
      <c r="K46" s="47" t="s">
        <v>172</v>
      </c>
      <c r="L46" s="47" t="s">
        <v>172</v>
      </c>
      <c r="M46" s="47" t="s">
        <v>172</v>
      </c>
      <c r="N46" s="54" t="s">
        <v>172</v>
      </c>
      <c r="O46" s="54" t="s">
        <v>172</v>
      </c>
      <c r="P46" s="54" t="s">
        <v>172</v>
      </c>
      <c r="Q46" s="13" t="s">
        <v>762</v>
      </c>
      <c r="R46" s="14" t="s">
        <v>765</v>
      </c>
      <c r="S46" s="13">
        <v>147</v>
      </c>
    </row>
    <row r="47" spans="1:19" s="45" customFormat="1">
      <c r="A47" s="59">
        <v>44974</v>
      </c>
      <c r="B47" s="323"/>
      <c r="C47" s="3" t="s">
        <v>758</v>
      </c>
      <c r="D47" s="47" t="s">
        <v>155</v>
      </c>
      <c r="E47" s="47" t="s">
        <v>155</v>
      </c>
      <c r="F47" s="47" t="s">
        <v>155</v>
      </c>
      <c r="G47" s="47" t="s">
        <v>155</v>
      </c>
      <c r="H47" s="47" t="s">
        <v>155</v>
      </c>
      <c r="I47" s="47" t="s">
        <v>155</v>
      </c>
      <c r="J47" s="47" t="s">
        <v>155</v>
      </c>
      <c r="K47" s="47" t="s">
        <v>155</v>
      </c>
      <c r="L47" s="47" t="s">
        <v>155</v>
      </c>
      <c r="M47" s="47" t="s">
        <v>155</v>
      </c>
      <c r="N47" s="54" t="s">
        <v>155</v>
      </c>
      <c r="O47" s="54" t="s">
        <v>155</v>
      </c>
      <c r="P47" s="54" t="s">
        <v>155</v>
      </c>
      <c r="Q47" s="13" t="s">
        <v>763</v>
      </c>
      <c r="R47" s="14" t="s">
        <v>766</v>
      </c>
      <c r="S47" s="13">
        <v>148</v>
      </c>
    </row>
    <row r="48" spans="1:19" s="45" customFormat="1">
      <c r="A48" s="59">
        <v>44974</v>
      </c>
      <c r="B48" s="47">
        <v>122</v>
      </c>
      <c r="C48" s="63" t="s">
        <v>767</v>
      </c>
      <c r="D48" s="47" t="s">
        <v>155</v>
      </c>
      <c r="E48" s="47" t="s">
        <v>155</v>
      </c>
      <c r="F48" s="47" t="s">
        <v>155</v>
      </c>
      <c r="G48" s="47" t="s">
        <v>155</v>
      </c>
      <c r="H48" s="47" t="s">
        <v>155</v>
      </c>
      <c r="I48" s="47" t="s">
        <v>155</v>
      </c>
      <c r="J48" s="47" t="s">
        <v>155</v>
      </c>
      <c r="K48" s="47" t="s">
        <v>155</v>
      </c>
      <c r="L48" s="47" t="s">
        <v>155</v>
      </c>
      <c r="M48" s="47" t="s">
        <v>155</v>
      </c>
      <c r="N48" s="47" t="s">
        <v>155</v>
      </c>
      <c r="O48" s="47" t="s">
        <v>155</v>
      </c>
      <c r="P48" s="47" t="s">
        <v>155</v>
      </c>
      <c r="Q48" s="47" t="s">
        <v>768</v>
      </c>
      <c r="R48" s="14" t="s">
        <v>769</v>
      </c>
      <c r="S48" s="47">
        <v>6</v>
      </c>
    </row>
    <row r="49" spans="1:19" s="45" customFormat="1">
      <c r="A49" s="59">
        <v>44974</v>
      </c>
      <c r="B49" s="45">
        <v>34</v>
      </c>
      <c r="C49" s="3" t="s">
        <v>268</v>
      </c>
      <c r="D49" s="120" t="s">
        <v>172</v>
      </c>
      <c r="E49" s="120" t="s">
        <v>172</v>
      </c>
      <c r="F49" s="120" t="s">
        <v>172</v>
      </c>
      <c r="G49" s="120" t="s">
        <v>172</v>
      </c>
      <c r="H49" s="47" t="s">
        <v>172</v>
      </c>
      <c r="I49" s="47" t="s">
        <v>172</v>
      </c>
      <c r="J49" s="47" t="s">
        <v>172</v>
      </c>
      <c r="K49" s="47" t="s">
        <v>172</v>
      </c>
      <c r="L49" s="47" t="s">
        <v>172</v>
      </c>
      <c r="M49" s="47" t="s">
        <v>172</v>
      </c>
      <c r="N49" s="54" t="s">
        <v>172</v>
      </c>
      <c r="O49" s="54" t="s">
        <v>172</v>
      </c>
      <c r="P49" s="54" t="s">
        <v>172</v>
      </c>
      <c r="Q49" s="22" t="s">
        <v>770</v>
      </c>
      <c r="R49" s="14" t="s">
        <v>771</v>
      </c>
      <c r="S49" s="13">
        <v>161</v>
      </c>
    </row>
    <row r="50" spans="1:19">
      <c r="D50" s="34"/>
      <c r="E50" s="34"/>
      <c r="F50" s="34"/>
      <c r="G50" s="34"/>
      <c r="H50" s="34"/>
      <c r="I50" s="34"/>
      <c r="J50" s="34"/>
      <c r="K50" s="34"/>
      <c r="L50" s="34"/>
      <c r="M50" s="34"/>
    </row>
    <row r="51" spans="1:19">
      <c r="A51" s="59">
        <v>44999</v>
      </c>
      <c r="B51" s="22">
        <v>63</v>
      </c>
      <c r="C51" s="14" t="s">
        <v>785</v>
      </c>
      <c r="D51" s="94" t="s">
        <v>172</v>
      </c>
      <c r="E51" s="94" t="s">
        <v>172</v>
      </c>
      <c r="F51" s="94" t="s">
        <v>172</v>
      </c>
      <c r="G51" s="94" t="s">
        <v>172</v>
      </c>
      <c r="H51" s="94" t="s">
        <v>172</v>
      </c>
      <c r="I51" s="94" t="s">
        <v>172</v>
      </c>
      <c r="J51" s="94" t="s">
        <v>172</v>
      </c>
      <c r="K51" s="94" t="s">
        <v>172</v>
      </c>
      <c r="L51" s="94" t="s">
        <v>172</v>
      </c>
      <c r="M51" s="94" t="s">
        <v>172</v>
      </c>
      <c r="N51" s="122" t="s">
        <v>172</v>
      </c>
      <c r="O51" s="122" t="s">
        <v>172</v>
      </c>
      <c r="P51" s="122" t="s">
        <v>172</v>
      </c>
      <c r="Q51" s="13" t="s">
        <v>786</v>
      </c>
      <c r="R51" s="14" t="s">
        <v>787</v>
      </c>
      <c r="S51" s="13">
        <v>4</v>
      </c>
    </row>
    <row r="52" spans="1:19">
      <c r="A52" s="59">
        <v>44999</v>
      </c>
      <c r="B52" s="22"/>
      <c r="C52" s="22" t="s">
        <v>793</v>
      </c>
      <c r="D52" s="94" t="s">
        <v>172</v>
      </c>
      <c r="E52" s="94" t="s">
        <v>172</v>
      </c>
      <c r="F52" s="94" t="s">
        <v>172</v>
      </c>
      <c r="G52" s="94" t="s">
        <v>172</v>
      </c>
      <c r="H52" s="94" t="s">
        <v>172</v>
      </c>
      <c r="I52" s="94" t="s">
        <v>172</v>
      </c>
      <c r="J52" s="94" t="s">
        <v>172</v>
      </c>
      <c r="K52" s="94" t="s">
        <v>172</v>
      </c>
      <c r="L52" s="94" t="s">
        <v>172</v>
      </c>
      <c r="M52" s="94" t="s">
        <v>172</v>
      </c>
      <c r="N52" s="122" t="s">
        <v>172</v>
      </c>
      <c r="O52" s="122" t="s">
        <v>172</v>
      </c>
      <c r="P52" s="122" t="s">
        <v>172</v>
      </c>
      <c r="Q52" s="13" t="s">
        <v>790</v>
      </c>
      <c r="R52" s="14" t="s">
        <v>797</v>
      </c>
      <c r="S52" s="22">
        <v>30</v>
      </c>
    </row>
    <row r="53" spans="1:19">
      <c r="A53" s="59">
        <v>44999</v>
      </c>
      <c r="B53" s="22"/>
      <c r="C53" s="22" t="s">
        <v>794</v>
      </c>
      <c r="D53" s="22" t="s">
        <v>159</v>
      </c>
      <c r="E53" s="22" t="s">
        <v>159</v>
      </c>
      <c r="F53" s="22" t="s">
        <v>159</v>
      </c>
      <c r="G53" s="22" t="s">
        <v>159</v>
      </c>
      <c r="H53" s="22" t="s">
        <v>159</v>
      </c>
      <c r="I53" s="22" t="s">
        <v>159</v>
      </c>
      <c r="J53" s="22" t="s">
        <v>159</v>
      </c>
      <c r="K53" s="22" t="s">
        <v>159</v>
      </c>
      <c r="L53" s="22" t="s">
        <v>159</v>
      </c>
      <c r="M53" s="22" t="s">
        <v>159</v>
      </c>
      <c r="N53" s="22" t="s">
        <v>155</v>
      </c>
      <c r="O53" s="22" t="s">
        <v>172</v>
      </c>
      <c r="P53" s="22" t="s">
        <v>172</v>
      </c>
      <c r="Q53" s="22" t="s">
        <v>791</v>
      </c>
      <c r="R53" s="22" t="s">
        <v>792</v>
      </c>
      <c r="S53" s="22">
        <v>180</v>
      </c>
    </row>
    <row r="54" spans="1:19">
      <c r="A54" s="59">
        <v>44999</v>
      </c>
      <c r="B54" s="22"/>
      <c r="C54" s="22" t="s">
        <v>794</v>
      </c>
      <c r="D54" s="22" t="s">
        <v>159</v>
      </c>
      <c r="E54" s="22" t="s">
        <v>159</v>
      </c>
      <c r="F54" s="22" t="s">
        <v>159</v>
      </c>
      <c r="G54" s="22" t="s">
        <v>159</v>
      </c>
      <c r="H54" s="22" t="s">
        <v>159</v>
      </c>
      <c r="I54" s="22" t="s">
        <v>159</v>
      </c>
      <c r="J54" s="22" t="s">
        <v>159</v>
      </c>
      <c r="K54" s="22" t="s">
        <v>159</v>
      </c>
      <c r="L54" s="22" t="s">
        <v>159</v>
      </c>
      <c r="M54" s="22" t="s">
        <v>159</v>
      </c>
      <c r="N54" s="22" t="s">
        <v>155</v>
      </c>
      <c r="O54" s="22" t="s">
        <v>172</v>
      </c>
      <c r="P54" s="22" t="s">
        <v>172</v>
      </c>
      <c r="Q54" s="22" t="s">
        <v>791</v>
      </c>
      <c r="R54" s="13" t="s">
        <v>795</v>
      </c>
      <c r="S54" s="22">
        <v>1</v>
      </c>
    </row>
    <row r="55" spans="1:19">
      <c r="A55" s="59">
        <v>44999</v>
      </c>
      <c r="B55" s="22"/>
      <c r="C55" s="22" t="s">
        <v>794</v>
      </c>
      <c r="D55" s="22" t="s">
        <v>159</v>
      </c>
      <c r="E55" s="22" t="s">
        <v>159</v>
      </c>
      <c r="F55" s="22" t="s">
        <v>159</v>
      </c>
      <c r="G55" s="22" t="s">
        <v>159</v>
      </c>
      <c r="H55" s="22" t="s">
        <v>159</v>
      </c>
      <c r="I55" s="22" t="s">
        <v>159</v>
      </c>
      <c r="J55" s="22" t="s">
        <v>159</v>
      </c>
      <c r="K55" s="22" t="s">
        <v>159</v>
      </c>
      <c r="L55" s="22" t="s">
        <v>159</v>
      </c>
      <c r="M55" s="22" t="s">
        <v>159</v>
      </c>
      <c r="N55" s="22" t="s">
        <v>155</v>
      </c>
      <c r="O55" s="22" t="s">
        <v>172</v>
      </c>
      <c r="P55" s="22" t="s">
        <v>172</v>
      </c>
      <c r="Q55" s="22" t="s">
        <v>791</v>
      </c>
      <c r="R55" s="13" t="s">
        <v>796</v>
      </c>
      <c r="S55" s="22">
        <v>2</v>
      </c>
    </row>
    <row r="56" spans="1:19">
      <c r="A56" s="59">
        <v>44999</v>
      </c>
      <c r="B56" s="22"/>
      <c r="C56" s="22"/>
      <c r="D56" s="22"/>
      <c r="E56" s="22"/>
      <c r="F56" s="22"/>
      <c r="G56" s="22"/>
      <c r="H56" s="22"/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2"/>
    </row>
    <row r="57" spans="1:19">
      <c r="A57" s="59">
        <v>44999</v>
      </c>
      <c r="B57" s="47">
        <v>119</v>
      </c>
      <c r="C57" s="63" t="s">
        <v>949</v>
      </c>
      <c r="D57" s="47" t="s">
        <v>172</v>
      </c>
      <c r="E57" s="47" t="s">
        <v>172</v>
      </c>
      <c r="F57" s="47" t="s">
        <v>172</v>
      </c>
      <c r="G57" s="47" t="s">
        <v>172</v>
      </c>
      <c r="H57" s="47" t="s">
        <v>172</v>
      </c>
      <c r="I57" s="47" t="s">
        <v>172</v>
      </c>
      <c r="J57" s="47" t="s">
        <v>172</v>
      </c>
      <c r="K57" s="47" t="s">
        <v>172</v>
      </c>
      <c r="L57" s="47" t="s">
        <v>172</v>
      </c>
      <c r="M57" s="47" t="s">
        <v>172</v>
      </c>
      <c r="N57" s="47" t="s">
        <v>172</v>
      </c>
      <c r="O57" s="47" t="s">
        <v>172</v>
      </c>
      <c r="P57" s="47" t="s">
        <v>172</v>
      </c>
      <c r="Q57" s="47" t="s">
        <v>747</v>
      </c>
      <c r="R57" s="13" t="s">
        <v>950</v>
      </c>
      <c r="S57" s="47">
        <v>100</v>
      </c>
    </row>
    <row r="58" spans="1:19">
      <c r="A58" s="59">
        <v>44999</v>
      </c>
      <c r="B58" s="22"/>
      <c r="C58" s="22"/>
      <c r="D58" s="22"/>
      <c r="E58" s="22"/>
      <c r="F58" s="22"/>
      <c r="G58" s="22"/>
      <c r="H58" s="22"/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2"/>
    </row>
    <row r="59" spans="1:19">
      <c r="A59" s="59">
        <v>44999</v>
      </c>
      <c r="B59" s="47">
        <v>120</v>
      </c>
      <c r="C59" s="14" t="s">
        <v>7</v>
      </c>
      <c r="D59" s="47" t="s">
        <v>155</v>
      </c>
      <c r="E59" s="47" t="s">
        <v>155</v>
      </c>
      <c r="F59" s="47" t="s">
        <v>155</v>
      </c>
      <c r="G59" s="47" t="s">
        <v>155</v>
      </c>
      <c r="H59" s="47" t="s">
        <v>155</v>
      </c>
      <c r="I59" s="47" t="s">
        <v>155</v>
      </c>
      <c r="J59" s="47" t="s">
        <v>155</v>
      </c>
      <c r="K59" s="47" t="s">
        <v>155</v>
      </c>
      <c r="L59" s="47" t="s">
        <v>155</v>
      </c>
      <c r="M59" s="47" t="s">
        <v>155</v>
      </c>
      <c r="N59" s="47" t="s">
        <v>155</v>
      </c>
      <c r="O59" s="47" t="s">
        <v>155</v>
      </c>
      <c r="P59" s="47" t="s">
        <v>155</v>
      </c>
      <c r="Q59" s="47" t="s">
        <v>748</v>
      </c>
      <c r="R59" s="14" t="s">
        <v>183</v>
      </c>
      <c r="S59" s="47">
        <v>101</v>
      </c>
    </row>
    <row r="60" spans="1:19">
      <c r="A60" s="59">
        <v>44999</v>
      </c>
      <c r="B60" s="47"/>
      <c r="C60" s="14" t="s">
        <v>8</v>
      </c>
      <c r="D60" s="47" t="s">
        <v>155</v>
      </c>
      <c r="E60" s="47" t="s">
        <v>155</v>
      </c>
      <c r="F60" s="47" t="s">
        <v>155</v>
      </c>
      <c r="G60" s="47" t="s">
        <v>155</v>
      </c>
      <c r="H60" s="47" t="s">
        <v>155</v>
      </c>
      <c r="I60" s="47" t="s">
        <v>155</v>
      </c>
      <c r="J60" s="47" t="s">
        <v>155</v>
      </c>
      <c r="K60" s="47" t="s">
        <v>155</v>
      </c>
      <c r="L60" s="47" t="s">
        <v>155</v>
      </c>
      <c r="M60" s="47" t="s">
        <v>155</v>
      </c>
      <c r="N60" s="47" t="s">
        <v>155</v>
      </c>
      <c r="O60" s="47" t="s">
        <v>155</v>
      </c>
      <c r="P60" s="47" t="s">
        <v>155</v>
      </c>
      <c r="Q60" s="47" t="s">
        <v>801</v>
      </c>
      <c r="R60" s="14" t="s">
        <v>185</v>
      </c>
      <c r="S60" s="47">
        <v>102</v>
      </c>
    </row>
    <row r="61" spans="1:19">
      <c r="A61" s="59">
        <v>44999</v>
      </c>
      <c r="B61" s="47"/>
      <c r="C61" s="14" t="s">
        <v>9</v>
      </c>
      <c r="D61" s="47" t="s">
        <v>155</v>
      </c>
      <c r="E61" s="47" t="s">
        <v>155</v>
      </c>
      <c r="F61" s="47" t="s">
        <v>155</v>
      </c>
      <c r="G61" s="47" t="s">
        <v>155</v>
      </c>
      <c r="H61" s="47" t="s">
        <v>155</v>
      </c>
      <c r="I61" s="47" t="s">
        <v>155</v>
      </c>
      <c r="J61" s="47" t="s">
        <v>155</v>
      </c>
      <c r="K61" s="47" t="s">
        <v>155</v>
      </c>
      <c r="L61" s="47" t="s">
        <v>155</v>
      </c>
      <c r="M61" s="47" t="s">
        <v>155</v>
      </c>
      <c r="N61" s="47" t="s">
        <v>155</v>
      </c>
      <c r="O61" s="47" t="s">
        <v>155</v>
      </c>
      <c r="P61" s="47" t="s">
        <v>155</v>
      </c>
      <c r="Q61" s="47" t="s">
        <v>802</v>
      </c>
      <c r="R61" s="14" t="s">
        <v>187</v>
      </c>
      <c r="S61" s="47">
        <v>103</v>
      </c>
    </row>
    <row r="62" spans="1:19">
      <c r="A62" s="59">
        <v>44999</v>
      </c>
      <c r="B62" s="47"/>
      <c r="C62" s="14" t="s">
        <v>10</v>
      </c>
      <c r="D62" s="47" t="s">
        <v>155</v>
      </c>
      <c r="E62" s="47" t="s">
        <v>155</v>
      </c>
      <c r="F62" s="47" t="s">
        <v>155</v>
      </c>
      <c r="G62" s="47" t="s">
        <v>155</v>
      </c>
      <c r="H62" s="47" t="s">
        <v>155</v>
      </c>
      <c r="I62" s="47" t="s">
        <v>155</v>
      </c>
      <c r="J62" s="47" t="s">
        <v>155</v>
      </c>
      <c r="K62" s="47" t="s">
        <v>155</v>
      </c>
      <c r="L62" s="47" t="s">
        <v>155</v>
      </c>
      <c r="M62" s="47" t="s">
        <v>155</v>
      </c>
      <c r="N62" s="47" t="s">
        <v>155</v>
      </c>
      <c r="O62" s="47" t="s">
        <v>155</v>
      </c>
      <c r="P62" s="47" t="s">
        <v>155</v>
      </c>
      <c r="Q62" s="47" t="s">
        <v>751</v>
      </c>
      <c r="R62" s="14" t="s">
        <v>189</v>
      </c>
      <c r="S62" s="47">
        <v>104</v>
      </c>
    </row>
    <row r="63" spans="1:19">
      <c r="A63" s="59">
        <v>44999</v>
      </c>
      <c r="B63" s="47">
        <v>121</v>
      </c>
      <c r="C63" s="63" t="s">
        <v>745</v>
      </c>
      <c r="D63" s="47" t="s">
        <v>172</v>
      </c>
      <c r="E63" s="47" t="s">
        <v>172</v>
      </c>
      <c r="F63" s="47" t="s">
        <v>172</v>
      </c>
      <c r="G63" s="47" t="s">
        <v>172</v>
      </c>
      <c r="H63" s="47" t="s">
        <v>172</v>
      </c>
      <c r="I63" s="47" t="s">
        <v>172</v>
      </c>
      <c r="J63" s="47" t="s">
        <v>172</v>
      </c>
      <c r="K63" s="47" t="s">
        <v>172</v>
      </c>
      <c r="L63" s="47" t="s">
        <v>172</v>
      </c>
      <c r="M63" s="47" t="s">
        <v>172</v>
      </c>
      <c r="N63" s="47" t="s">
        <v>172</v>
      </c>
      <c r="O63" s="47" t="s">
        <v>172</v>
      </c>
      <c r="P63" s="47" t="s">
        <v>172</v>
      </c>
      <c r="Q63" s="47" t="s">
        <v>749</v>
      </c>
      <c r="R63" s="14" t="s">
        <v>753</v>
      </c>
      <c r="S63" s="47">
        <v>105</v>
      </c>
    </row>
    <row r="64" spans="1:19">
      <c r="A64" s="59">
        <v>44999</v>
      </c>
      <c r="B64" s="47"/>
      <c r="C64" s="63" t="s">
        <v>746</v>
      </c>
      <c r="D64" s="47" t="s">
        <v>172</v>
      </c>
      <c r="E64" s="47" t="s">
        <v>172</v>
      </c>
      <c r="F64" s="47" t="s">
        <v>172</v>
      </c>
      <c r="G64" s="47" t="s">
        <v>172</v>
      </c>
      <c r="H64" s="47" t="s">
        <v>172</v>
      </c>
      <c r="I64" s="47" t="s">
        <v>172</v>
      </c>
      <c r="J64" s="47" t="s">
        <v>172</v>
      </c>
      <c r="K64" s="47" t="s">
        <v>172</v>
      </c>
      <c r="L64" s="47" t="s">
        <v>172</v>
      </c>
      <c r="M64" s="47" t="s">
        <v>172</v>
      </c>
      <c r="N64" s="47" t="s">
        <v>172</v>
      </c>
      <c r="O64" s="47" t="s">
        <v>172</v>
      </c>
      <c r="P64" s="47" t="s">
        <v>172</v>
      </c>
      <c r="Q64" s="47" t="s">
        <v>750</v>
      </c>
      <c r="R64" s="14" t="s">
        <v>754</v>
      </c>
      <c r="S64" s="47">
        <v>106</v>
      </c>
    </row>
    <row r="65" spans="1:19">
      <c r="A65" s="22"/>
      <c r="B65" s="22"/>
      <c r="C65" s="22"/>
      <c r="D65" s="22"/>
      <c r="E65" s="22"/>
      <c r="F65" s="22"/>
      <c r="G65" s="22"/>
      <c r="H65" s="22"/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2"/>
    </row>
    <row r="66" spans="1:19">
      <c r="A66" s="59">
        <v>44999</v>
      </c>
      <c r="B66" s="47">
        <v>123</v>
      </c>
      <c r="C66" s="63" t="s">
        <v>835</v>
      </c>
      <c r="D66" s="47" t="s">
        <v>172</v>
      </c>
      <c r="E66" s="47" t="s">
        <v>172</v>
      </c>
      <c r="F66" s="47" t="s">
        <v>172</v>
      </c>
      <c r="G66" s="47" t="s">
        <v>172</v>
      </c>
      <c r="H66" s="47" t="s">
        <v>172</v>
      </c>
      <c r="I66" s="47" t="s">
        <v>172</v>
      </c>
      <c r="J66" s="47" t="s">
        <v>172</v>
      </c>
      <c r="K66" s="47" t="s">
        <v>172</v>
      </c>
      <c r="L66" s="47" t="s">
        <v>172</v>
      </c>
      <c r="M66" s="47" t="s">
        <v>172</v>
      </c>
      <c r="N66" s="54" t="s">
        <v>172</v>
      </c>
      <c r="O66" s="54" t="s">
        <v>172</v>
      </c>
      <c r="P66" s="54" t="s">
        <v>172</v>
      </c>
      <c r="Q66" s="37" t="s">
        <v>223</v>
      </c>
      <c r="R66" s="63" t="s">
        <v>819</v>
      </c>
      <c r="S66" s="63">
        <v>1</v>
      </c>
    </row>
    <row r="67" spans="1:19">
      <c r="A67" s="59">
        <v>44999</v>
      </c>
      <c r="B67" s="47"/>
      <c r="C67" s="63"/>
      <c r="D67" s="47" t="s">
        <v>172</v>
      </c>
      <c r="E67" s="47" t="s">
        <v>172</v>
      </c>
      <c r="F67" s="47" t="s">
        <v>172</v>
      </c>
      <c r="G67" s="47" t="s">
        <v>172</v>
      </c>
      <c r="H67" s="47" t="s">
        <v>172</v>
      </c>
      <c r="I67" s="47" t="s">
        <v>172</v>
      </c>
      <c r="J67" s="47" t="s">
        <v>172</v>
      </c>
      <c r="K67" s="47" t="s">
        <v>172</v>
      </c>
      <c r="L67" s="47" t="s">
        <v>172</v>
      </c>
      <c r="M67" s="47" t="s">
        <v>172</v>
      </c>
      <c r="N67" s="54" t="s">
        <v>172</v>
      </c>
      <c r="O67" s="54" t="s">
        <v>172</v>
      </c>
      <c r="P67" s="54" t="s">
        <v>172</v>
      </c>
      <c r="Q67" s="37" t="s">
        <v>223</v>
      </c>
      <c r="R67" s="63" t="s">
        <v>815</v>
      </c>
      <c r="S67" s="63">
        <v>1</v>
      </c>
    </row>
    <row r="68" spans="1:19">
      <c r="A68" s="59">
        <v>44999</v>
      </c>
      <c r="B68" s="123"/>
      <c r="C68" s="35"/>
      <c r="D68" s="47" t="s">
        <v>172</v>
      </c>
      <c r="E68" s="47" t="s">
        <v>172</v>
      </c>
      <c r="F68" s="47" t="s">
        <v>172</v>
      </c>
      <c r="G68" s="47" t="s">
        <v>172</v>
      </c>
      <c r="H68" s="47" t="s">
        <v>172</v>
      </c>
      <c r="I68" s="47" t="s">
        <v>172</v>
      </c>
      <c r="J68" s="47" t="s">
        <v>172</v>
      </c>
      <c r="K68" s="47" t="s">
        <v>172</v>
      </c>
      <c r="L68" s="47" t="s">
        <v>172</v>
      </c>
      <c r="M68" s="47" t="s">
        <v>172</v>
      </c>
      <c r="N68" s="54" t="s">
        <v>172</v>
      </c>
      <c r="O68" s="54" t="s">
        <v>172</v>
      </c>
      <c r="P68" s="54" t="s">
        <v>172</v>
      </c>
      <c r="Q68" s="37" t="s">
        <v>223</v>
      </c>
      <c r="R68" s="47" t="s">
        <v>816</v>
      </c>
      <c r="S68" s="63">
        <v>1</v>
      </c>
    </row>
    <row r="69" spans="1:19">
      <c r="A69" s="59">
        <v>44999</v>
      </c>
      <c r="B69" s="47"/>
      <c r="C69" s="63"/>
      <c r="D69" s="47" t="s">
        <v>172</v>
      </c>
      <c r="E69" s="47" t="s">
        <v>172</v>
      </c>
      <c r="F69" s="47" t="s">
        <v>172</v>
      </c>
      <c r="G69" s="47" t="s">
        <v>172</v>
      </c>
      <c r="H69" s="47" t="s">
        <v>172</v>
      </c>
      <c r="I69" s="47" t="s">
        <v>172</v>
      </c>
      <c r="J69" s="47" t="s">
        <v>172</v>
      </c>
      <c r="K69" s="47" t="s">
        <v>172</v>
      </c>
      <c r="L69" s="47" t="s">
        <v>172</v>
      </c>
      <c r="M69" s="47" t="s">
        <v>172</v>
      </c>
      <c r="N69" s="54" t="s">
        <v>172</v>
      </c>
      <c r="O69" s="54" t="s">
        <v>172</v>
      </c>
      <c r="P69" s="54" t="s">
        <v>172</v>
      </c>
      <c r="Q69" s="37" t="s">
        <v>223</v>
      </c>
      <c r="R69" s="47" t="s">
        <v>817</v>
      </c>
      <c r="S69" s="63">
        <v>1</v>
      </c>
    </row>
    <row r="70" spans="1:19">
      <c r="A70" s="59">
        <v>44999</v>
      </c>
      <c r="B70" s="47"/>
      <c r="C70" s="63"/>
      <c r="D70" s="47" t="s">
        <v>172</v>
      </c>
      <c r="E70" s="47" t="s">
        <v>172</v>
      </c>
      <c r="F70" s="47" t="s">
        <v>172</v>
      </c>
      <c r="G70" s="47" t="s">
        <v>172</v>
      </c>
      <c r="H70" s="47" t="s">
        <v>172</v>
      </c>
      <c r="I70" s="47" t="s">
        <v>172</v>
      </c>
      <c r="J70" s="47" t="s">
        <v>172</v>
      </c>
      <c r="K70" s="47" t="s">
        <v>172</v>
      </c>
      <c r="L70" s="47" t="s">
        <v>172</v>
      </c>
      <c r="M70" s="47" t="s">
        <v>172</v>
      </c>
      <c r="N70" s="54" t="s">
        <v>172</v>
      </c>
      <c r="O70" s="54" t="s">
        <v>172</v>
      </c>
      <c r="P70" s="54" t="s">
        <v>172</v>
      </c>
      <c r="Q70" s="37" t="s">
        <v>223</v>
      </c>
      <c r="R70" s="47" t="s">
        <v>818</v>
      </c>
      <c r="S70" s="63">
        <v>1</v>
      </c>
    </row>
    <row r="71" spans="1:19">
      <c r="A71" s="59">
        <v>44999</v>
      </c>
      <c r="B71" s="47"/>
      <c r="C71" s="63"/>
      <c r="D71" s="47" t="s">
        <v>172</v>
      </c>
      <c r="E71" s="47" t="s">
        <v>172</v>
      </c>
      <c r="F71" s="47" t="s">
        <v>172</v>
      </c>
      <c r="G71" s="47" t="s">
        <v>172</v>
      </c>
      <c r="H71" s="47" t="s">
        <v>172</v>
      </c>
      <c r="I71" s="47" t="s">
        <v>172</v>
      </c>
      <c r="J71" s="47" t="s">
        <v>172</v>
      </c>
      <c r="K71" s="47" t="s">
        <v>172</v>
      </c>
      <c r="L71" s="47" t="s">
        <v>172</v>
      </c>
      <c r="M71" s="47" t="s">
        <v>172</v>
      </c>
      <c r="N71" s="54" t="s">
        <v>172</v>
      </c>
      <c r="O71" s="54" t="s">
        <v>172</v>
      </c>
      <c r="P71" s="54" t="s">
        <v>172</v>
      </c>
      <c r="Q71" s="37" t="s">
        <v>223</v>
      </c>
      <c r="R71" s="47" t="s">
        <v>820</v>
      </c>
      <c r="S71" s="63">
        <v>1</v>
      </c>
    </row>
    <row r="72" spans="1:19">
      <c r="A72" s="59">
        <v>44999</v>
      </c>
      <c r="B72" s="47"/>
      <c r="C72" s="63"/>
      <c r="D72" s="47" t="s">
        <v>172</v>
      </c>
      <c r="E72" s="47" t="s">
        <v>172</v>
      </c>
      <c r="F72" s="47" t="s">
        <v>172</v>
      </c>
      <c r="G72" s="47" t="s">
        <v>172</v>
      </c>
      <c r="H72" s="47" t="s">
        <v>172</v>
      </c>
      <c r="I72" s="47" t="s">
        <v>172</v>
      </c>
      <c r="J72" s="47" t="s">
        <v>172</v>
      </c>
      <c r="K72" s="47" t="s">
        <v>172</v>
      </c>
      <c r="L72" s="47" t="s">
        <v>172</v>
      </c>
      <c r="M72" s="47" t="s">
        <v>172</v>
      </c>
      <c r="N72" s="54" t="s">
        <v>172</v>
      </c>
      <c r="O72" s="54" t="s">
        <v>172</v>
      </c>
      <c r="P72" s="54" t="s">
        <v>172</v>
      </c>
      <c r="Q72" s="37" t="s">
        <v>223</v>
      </c>
      <c r="R72" s="47" t="s">
        <v>821</v>
      </c>
      <c r="S72" s="63">
        <v>1</v>
      </c>
    </row>
    <row r="73" spans="1:19">
      <c r="A73" s="59">
        <v>44999</v>
      </c>
      <c r="B73" s="47"/>
      <c r="C73" s="63"/>
      <c r="D73" s="47" t="s">
        <v>172</v>
      </c>
      <c r="E73" s="47" t="s">
        <v>172</v>
      </c>
      <c r="F73" s="47" t="s">
        <v>172</v>
      </c>
      <c r="G73" s="47" t="s">
        <v>172</v>
      </c>
      <c r="H73" s="47" t="s">
        <v>172</v>
      </c>
      <c r="I73" s="47" t="s">
        <v>172</v>
      </c>
      <c r="J73" s="47" t="s">
        <v>172</v>
      </c>
      <c r="K73" s="47" t="s">
        <v>172</v>
      </c>
      <c r="L73" s="47" t="s">
        <v>172</v>
      </c>
      <c r="M73" s="47" t="s">
        <v>172</v>
      </c>
      <c r="N73" s="54" t="s">
        <v>172</v>
      </c>
      <c r="O73" s="54" t="s">
        <v>172</v>
      </c>
      <c r="P73" s="54" t="s">
        <v>172</v>
      </c>
      <c r="Q73" s="37" t="s">
        <v>223</v>
      </c>
      <c r="R73" s="47" t="s">
        <v>814</v>
      </c>
      <c r="S73" s="63">
        <v>1</v>
      </c>
    </row>
    <row r="74" spans="1:19">
      <c r="A74" s="22"/>
      <c r="B74" s="22"/>
      <c r="C74" s="22"/>
      <c r="D74" s="47"/>
      <c r="E74" s="47"/>
      <c r="F74" s="47"/>
      <c r="G74" s="47"/>
      <c r="H74" s="47"/>
      <c r="I74" s="47"/>
      <c r="J74" s="47"/>
      <c r="K74" s="47"/>
      <c r="L74" s="47"/>
      <c r="M74" s="47"/>
      <c r="N74" s="22"/>
      <c r="O74" s="22"/>
      <c r="P74" s="22"/>
      <c r="Q74" s="22"/>
      <c r="R74" s="22"/>
      <c r="S74" s="22"/>
    </row>
    <row r="75" spans="1:19">
      <c r="A75" s="59">
        <v>44999</v>
      </c>
      <c r="B75" s="47">
        <v>124</v>
      </c>
      <c r="C75" s="63" t="s">
        <v>822</v>
      </c>
      <c r="D75" s="47" t="s">
        <v>172</v>
      </c>
      <c r="E75" s="47" t="s">
        <v>172</v>
      </c>
      <c r="F75" s="47" t="s">
        <v>172</v>
      </c>
      <c r="G75" s="47" t="s">
        <v>172</v>
      </c>
      <c r="H75" s="47" t="s">
        <v>172</v>
      </c>
      <c r="I75" s="47" t="s">
        <v>172</v>
      </c>
      <c r="J75" s="47" t="s">
        <v>172</v>
      </c>
      <c r="K75" s="47" t="s">
        <v>172</v>
      </c>
      <c r="L75" s="47" t="s">
        <v>172</v>
      </c>
      <c r="M75" s="47" t="s">
        <v>172</v>
      </c>
      <c r="N75" s="54" t="s">
        <v>172</v>
      </c>
      <c r="O75" s="54" t="s">
        <v>172</v>
      </c>
      <c r="P75" s="54" t="s">
        <v>172</v>
      </c>
      <c r="Q75" s="37" t="s">
        <v>823</v>
      </c>
      <c r="R75" s="47" t="s">
        <v>175</v>
      </c>
      <c r="S75" s="13" t="s">
        <v>169</v>
      </c>
    </row>
    <row r="76" spans="1:19">
      <c r="A76" s="59">
        <v>44999</v>
      </c>
      <c r="B76" s="47"/>
      <c r="C76" s="63"/>
      <c r="D76" s="47" t="s">
        <v>172</v>
      </c>
      <c r="E76" s="47" t="s">
        <v>172</v>
      </c>
      <c r="F76" s="47" t="s">
        <v>172</v>
      </c>
      <c r="G76" s="47" t="s">
        <v>172</v>
      </c>
      <c r="H76" s="47" t="s">
        <v>172</v>
      </c>
      <c r="I76" s="47" t="s">
        <v>172</v>
      </c>
      <c r="J76" s="47" t="s">
        <v>172</v>
      </c>
      <c r="K76" s="47" t="s">
        <v>172</v>
      </c>
      <c r="L76" s="47" t="s">
        <v>172</v>
      </c>
      <c r="M76" s="47" t="s">
        <v>172</v>
      </c>
      <c r="N76" s="54" t="s">
        <v>172</v>
      </c>
      <c r="O76" s="54" t="s">
        <v>172</v>
      </c>
      <c r="P76" s="54" t="s">
        <v>172</v>
      </c>
      <c r="Q76" s="37" t="s">
        <v>824</v>
      </c>
      <c r="R76" s="47" t="s">
        <v>177</v>
      </c>
      <c r="S76" s="13" t="s">
        <v>169</v>
      </c>
    </row>
    <row r="77" spans="1:19">
      <c r="A77" s="59">
        <v>44999</v>
      </c>
      <c r="B77" s="47"/>
      <c r="C77" s="63"/>
      <c r="D77" s="47" t="s">
        <v>172</v>
      </c>
      <c r="E77" s="47" t="s">
        <v>172</v>
      </c>
      <c r="F77" s="47" t="s">
        <v>172</v>
      </c>
      <c r="G77" s="47" t="s">
        <v>172</v>
      </c>
      <c r="H77" s="47" t="s">
        <v>172</v>
      </c>
      <c r="I77" s="47" t="s">
        <v>172</v>
      </c>
      <c r="J77" s="47" t="s">
        <v>172</v>
      </c>
      <c r="K77" s="47" t="s">
        <v>172</v>
      </c>
      <c r="L77" s="47" t="s">
        <v>172</v>
      </c>
      <c r="M77" s="47" t="s">
        <v>172</v>
      </c>
      <c r="N77" s="54" t="s">
        <v>172</v>
      </c>
      <c r="O77" s="54" t="s">
        <v>172</v>
      </c>
      <c r="P77" s="54" t="s">
        <v>172</v>
      </c>
      <c r="Q77" s="37" t="s">
        <v>825</v>
      </c>
      <c r="R77" s="47" t="s">
        <v>826</v>
      </c>
      <c r="S77" s="13" t="s">
        <v>169</v>
      </c>
    </row>
    <row r="78" spans="1:19">
      <c r="A78" s="59">
        <v>44999</v>
      </c>
      <c r="B78" s="47"/>
      <c r="C78" s="63"/>
      <c r="D78" s="47" t="s">
        <v>172</v>
      </c>
      <c r="E78" s="47" t="s">
        <v>172</v>
      </c>
      <c r="F78" s="47" t="s">
        <v>172</v>
      </c>
      <c r="G78" s="47" t="s">
        <v>172</v>
      </c>
      <c r="H78" s="47" t="s">
        <v>172</v>
      </c>
      <c r="I78" s="47" t="s">
        <v>172</v>
      </c>
      <c r="J78" s="47" t="s">
        <v>172</v>
      </c>
      <c r="K78" s="47" t="s">
        <v>172</v>
      </c>
      <c r="L78" s="47" t="s">
        <v>172</v>
      </c>
      <c r="M78" s="47" t="s">
        <v>172</v>
      </c>
      <c r="N78" s="54" t="s">
        <v>172</v>
      </c>
      <c r="O78" s="54" t="s">
        <v>172</v>
      </c>
      <c r="P78" s="54" t="s">
        <v>172</v>
      </c>
      <c r="Q78" s="37" t="s">
        <v>823</v>
      </c>
      <c r="R78" s="47" t="s">
        <v>827</v>
      </c>
      <c r="S78" s="13" t="s">
        <v>169</v>
      </c>
    </row>
    <row r="79" spans="1:19">
      <c r="A79" s="59">
        <v>44999</v>
      </c>
      <c r="B79" s="47"/>
      <c r="C79" s="63"/>
      <c r="D79" s="47" t="s">
        <v>172</v>
      </c>
      <c r="E79" s="47" t="s">
        <v>172</v>
      </c>
      <c r="F79" s="47" t="s">
        <v>172</v>
      </c>
      <c r="G79" s="47" t="s">
        <v>172</v>
      </c>
      <c r="H79" s="47" t="s">
        <v>172</v>
      </c>
      <c r="I79" s="47" t="s">
        <v>172</v>
      </c>
      <c r="J79" s="47" t="s">
        <v>172</v>
      </c>
      <c r="K79" s="47" t="s">
        <v>172</v>
      </c>
      <c r="L79" s="47" t="s">
        <v>172</v>
      </c>
      <c r="M79" s="47" t="s">
        <v>172</v>
      </c>
      <c r="N79" s="54" t="s">
        <v>172</v>
      </c>
      <c r="O79" s="54" t="s">
        <v>172</v>
      </c>
      <c r="P79" s="54" t="s">
        <v>172</v>
      </c>
      <c r="Q79" s="37" t="s">
        <v>823</v>
      </c>
      <c r="R79" s="47" t="s">
        <v>828</v>
      </c>
      <c r="S79" s="13" t="s">
        <v>169</v>
      </c>
    </row>
    <row r="80" spans="1:19">
      <c r="A80" s="59">
        <v>44999</v>
      </c>
      <c r="B80" s="47"/>
      <c r="C80" s="45" t="s">
        <v>793</v>
      </c>
      <c r="D80" s="124" t="s">
        <v>172</v>
      </c>
      <c r="E80" s="124" t="s">
        <v>172</v>
      </c>
      <c r="F80" s="124" t="s">
        <v>172</v>
      </c>
      <c r="G80" s="124" t="s">
        <v>172</v>
      </c>
      <c r="H80" s="124" t="s">
        <v>172</v>
      </c>
      <c r="I80" s="124" t="s">
        <v>172</v>
      </c>
      <c r="J80" s="124" t="s">
        <v>172</v>
      </c>
      <c r="K80" s="124" t="s">
        <v>172</v>
      </c>
      <c r="L80" s="124" t="s">
        <v>172</v>
      </c>
      <c r="M80" s="124" t="s">
        <v>172</v>
      </c>
      <c r="N80" s="125" t="s">
        <v>172</v>
      </c>
      <c r="O80" s="125" t="s">
        <v>172</v>
      </c>
      <c r="P80" s="125" t="s">
        <v>172</v>
      </c>
      <c r="Q80" s="13" t="s">
        <v>790</v>
      </c>
      <c r="R80" s="14" t="s">
        <v>797</v>
      </c>
      <c r="S80" s="45">
        <v>30</v>
      </c>
    </row>
    <row r="81" spans="1:19">
      <c r="A81" s="22"/>
      <c r="B81" s="22"/>
      <c r="C81" s="22"/>
      <c r="D81" s="47"/>
      <c r="E81" s="47"/>
      <c r="F81" s="47"/>
      <c r="G81" s="47"/>
      <c r="H81" s="47"/>
      <c r="I81" s="47"/>
      <c r="J81" s="47"/>
      <c r="K81" s="47"/>
      <c r="L81" s="47"/>
      <c r="M81" s="47"/>
      <c r="N81" s="22"/>
      <c r="O81" s="22"/>
      <c r="P81" s="22"/>
      <c r="Q81" s="22"/>
      <c r="R81" s="22"/>
      <c r="S81" s="22"/>
    </row>
    <row r="82" spans="1:19">
      <c r="A82" s="59">
        <v>44999</v>
      </c>
      <c r="B82" s="47">
        <v>125</v>
      </c>
      <c r="C82" s="63" t="s">
        <v>830</v>
      </c>
      <c r="D82" s="47" t="s">
        <v>172</v>
      </c>
      <c r="E82" s="47" t="s">
        <v>172</v>
      </c>
      <c r="F82" s="47" t="s">
        <v>172</v>
      </c>
      <c r="G82" s="47" t="s">
        <v>172</v>
      </c>
      <c r="H82" s="47" t="s">
        <v>172</v>
      </c>
      <c r="I82" s="47" t="s">
        <v>172</v>
      </c>
      <c r="J82" s="47" t="s">
        <v>172</v>
      </c>
      <c r="K82" s="47" t="s">
        <v>172</v>
      </c>
      <c r="L82" s="47" t="s">
        <v>172</v>
      </c>
      <c r="M82" s="47" t="s">
        <v>172</v>
      </c>
      <c r="N82" s="54" t="s">
        <v>172</v>
      </c>
      <c r="O82" s="54" t="s">
        <v>172</v>
      </c>
      <c r="P82" s="54" t="s">
        <v>172</v>
      </c>
      <c r="Q82" s="63" t="s">
        <v>829</v>
      </c>
      <c r="R82" s="22" t="s">
        <v>831</v>
      </c>
      <c r="S82" s="63">
        <v>130</v>
      </c>
    </row>
    <row r="83" spans="1:19">
      <c r="A83" s="59"/>
      <c r="B83" s="47"/>
      <c r="C83" s="14"/>
      <c r="D83" s="47"/>
      <c r="E83" s="47"/>
      <c r="F83" s="47"/>
      <c r="G83" s="47"/>
      <c r="H83" s="47"/>
      <c r="I83" s="47"/>
      <c r="J83" s="47"/>
      <c r="K83" s="47"/>
      <c r="L83" s="47"/>
      <c r="M83" s="47"/>
      <c r="N83" s="47"/>
      <c r="O83" s="47"/>
      <c r="P83" s="47"/>
      <c r="Q83" s="37"/>
      <c r="R83" s="22"/>
      <c r="S83" s="63"/>
    </row>
    <row r="84" spans="1:19">
      <c r="A84" s="59">
        <v>44999</v>
      </c>
      <c r="B84" s="47">
        <v>126</v>
      </c>
      <c r="C84" s="63" t="s">
        <v>832</v>
      </c>
      <c r="D84" s="47" t="s">
        <v>172</v>
      </c>
      <c r="E84" s="47" t="s">
        <v>172</v>
      </c>
      <c r="F84" s="47" t="s">
        <v>172</v>
      </c>
      <c r="G84" s="47" t="s">
        <v>172</v>
      </c>
      <c r="H84" s="47" t="s">
        <v>172</v>
      </c>
      <c r="I84" s="47" t="s">
        <v>172</v>
      </c>
      <c r="J84" s="47" t="s">
        <v>172</v>
      </c>
      <c r="K84" s="47" t="s">
        <v>172</v>
      </c>
      <c r="L84" s="47" t="s">
        <v>172</v>
      </c>
      <c r="M84" s="47" t="s">
        <v>172</v>
      </c>
      <c r="N84" s="54" t="s">
        <v>172</v>
      </c>
      <c r="O84" s="54" t="s">
        <v>172</v>
      </c>
      <c r="P84" s="54" t="s">
        <v>172</v>
      </c>
      <c r="Q84" s="37" t="s">
        <v>833</v>
      </c>
      <c r="R84" s="22" t="s">
        <v>834</v>
      </c>
      <c r="S84" s="63">
        <v>6</v>
      </c>
    </row>
    <row r="85" spans="1:19">
      <c r="A85" s="59"/>
      <c r="B85" s="47"/>
      <c r="C85" s="126"/>
      <c r="D85" s="123"/>
      <c r="E85" s="123"/>
      <c r="F85" s="123"/>
      <c r="G85" s="123"/>
      <c r="H85" s="123"/>
      <c r="I85" s="123"/>
      <c r="J85" s="123"/>
      <c r="K85" s="123"/>
      <c r="L85" s="123"/>
      <c r="M85" s="123"/>
      <c r="N85" s="123"/>
      <c r="O85" s="123"/>
      <c r="P85" s="123"/>
      <c r="Q85" s="37"/>
      <c r="R85" s="127"/>
      <c r="S85" s="63"/>
    </row>
    <row r="86" spans="1:19">
      <c r="A86" s="59">
        <v>44999</v>
      </c>
      <c r="B86" s="47">
        <v>127</v>
      </c>
      <c r="C86" s="22" t="s">
        <v>794</v>
      </c>
      <c r="D86" s="22" t="s">
        <v>159</v>
      </c>
      <c r="E86" s="22" t="s">
        <v>159</v>
      </c>
      <c r="F86" s="22" t="s">
        <v>159</v>
      </c>
      <c r="G86" s="22" t="s">
        <v>159</v>
      </c>
      <c r="H86" s="22" t="s">
        <v>159</v>
      </c>
      <c r="I86" s="22" t="s">
        <v>159</v>
      </c>
      <c r="J86" s="22" t="s">
        <v>159</v>
      </c>
      <c r="K86" s="22" t="s">
        <v>159</v>
      </c>
      <c r="L86" s="22" t="s">
        <v>159</v>
      </c>
      <c r="M86" s="22" t="s">
        <v>159</v>
      </c>
      <c r="N86" s="22" t="s">
        <v>155</v>
      </c>
      <c r="O86" s="22" t="s">
        <v>172</v>
      </c>
      <c r="P86" s="22" t="s">
        <v>172</v>
      </c>
      <c r="Q86" s="22" t="s">
        <v>791</v>
      </c>
      <c r="R86" s="22" t="s">
        <v>792</v>
      </c>
      <c r="S86" s="22">
        <v>180</v>
      </c>
    </row>
    <row r="87" spans="1:19">
      <c r="A87" s="59">
        <v>44999</v>
      </c>
      <c r="B87" s="47"/>
      <c r="C87" s="22" t="s">
        <v>794</v>
      </c>
      <c r="D87" s="22" t="s">
        <v>159</v>
      </c>
      <c r="E87" s="22" t="s">
        <v>159</v>
      </c>
      <c r="F87" s="22" t="s">
        <v>159</v>
      </c>
      <c r="G87" s="22" t="s">
        <v>159</v>
      </c>
      <c r="H87" s="22" t="s">
        <v>159</v>
      </c>
      <c r="I87" s="22" t="s">
        <v>159</v>
      </c>
      <c r="J87" s="22" t="s">
        <v>159</v>
      </c>
      <c r="K87" s="22" t="s">
        <v>159</v>
      </c>
      <c r="L87" s="22" t="s">
        <v>159</v>
      </c>
      <c r="M87" s="22" t="s">
        <v>159</v>
      </c>
      <c r="N87" s="22" t="s">
        <v>155</v>
      </c>
      <c r="O87" s="22" t="s">
        <v>172</v>
      </c>
      <c r="P87" s="22" t="s">
        <v>172</v>
      </c>
      <c r="Q87" s="22" t="s">
        <v>791</v>
      </c>
      <c r="R87" s="13" t="s">
        <v>795</v>
      </c>
      <c r="S87" s="22">
        <v>1</v>
      </c>
    </row>
    <row r="88" spans="1:19">
      <c r="A88" s="59">
        <v>44999</v>
      </c>
      <c r="B88" s="22"/>
      <c r="C88" s="22" t="s">
        <v>794</v>
      </c>
      <c r="D88" s="22" t="s">
        <v>159</v>
      </c>
      <c r="E88" s="22" t="s">
        <v>159</v>
      </c>
      <c r="F88" s="22" t="s">
        <v>159</v>
      </c>
      <c r="G88" s="22" t="s">
        <v>159</v>
      </c>
      <c r="H88" s="22" t="s">
        <v>159</v>
      </c>
      <c r="I88" s="22" t="s">
        <v>159</v>
      </c>
      <c r="J88" s="22" t="s">
        <v>159</v>
      </c>
      <c r="K88" s="22" t="s">
        <v>159</v>
      </c>
      <c r="L88" s="22" t="s">
        <v>159</v>
      </c>
      <c r="M88" s="22" t="s">
        <v>159</v>
      </c>
      <c r="N88" s="22" t="s">
        <v>155</v>
      </c>
      <c r="O88" s="22" t="s">
        <v>172</v>
      </c>
      <c r="P88" s="22" t="s">
        <v>172</v>
      </c>
      <c r="Q88" s="22" t="s">
        <v>791</v>
      </c>
      <c r="R88" s="13" t="s">
        <v>796</v>
      </c>
      <c r="S88" s="128">
        <v>2</v>
      </c>
    </row>
    <row r="89" spans="1:19">
      <c r="A89" s="93"/>
      <c r="B89" s="93"/>
      <c r="C89" s="93"/>
      <c r="D89" s="93"/>
      <c r="E89" s="93"/>
      <c r="F89" s="93"/>
      <c r="G89" s="93"/>
      <c r="H89" s="93"/>
      <c r="I89" s="93"/>
      <c r="J89" s="93"/>
      <c r="K89" s="93"/>
      <c r="L89" s="93"/>
      <c r="M89" s="93"/>
      <c r="N89" s="93"/>
      <c r="O89" s="93"/>
      <c r="P89" s="93"/>
      <c r="Q89" s="93"/>
      <c r="R89" s="93"/>
    </row>
    <row r="90" spans="1:19">
      <c r="A90" s="112" t="s">
        <v>951</v>
      </c>
      <c r="B90" s="71">
        <v>1</v>
      </c>
      <c r="C90" s="41" t="s">
        <v>908</v>
      </c>
      <c r="D90" s="70" t="s">
        <v>155</v>
      </c>
      <c r="E90" s="70" t="s">
        <v>155</v>
      </c>
      <c r="F90" s="70" t="s">
        <v>155</v>
      </c>
      <c r="G90" s="70" t="s">
        <v>155</v>
      </c>
      <c r="H90" s="70" t="s">
        <v>155</v>
      </c>
      <c r="I90" s="70" t="s">
        <v>155</v>
      </c>
      <c r="J90" s="70" t="s">
        <v>155</v>
      </c>
      <c r="K90" s="70" t="s">
        <v>155</v>
      </c>
      <c r="L90" s="70" t="s">
        <v>155</v>
      </c>
      <c r="M90" s="70" t="s">
        <v>155</v>
      </c>
      <c r="N90" s="70" t="s">
        <v>155</v>
      </c>
      <c r="O90" s="70" t="s">
        <v>155</v>
      </c>
      <c r="P90" s="70" t="s">
        <v>155</v>
      </c>
      <c r="Q90" s="40" t="s">
        <v>223</v>
      </c>
      <c r="R90" s="40" t="s">
        <v>910</v>
      </c>
      <c r="S90" s="111">
        <v>1</v>
      </c>
    </row>
    <row r="91" spans="1:19">
      <c r="A91" s="112" t="s">
        <v>951</v>
      </c>
      <c r="B91" s="71">
        <v>108</v>
      </c>
      <c r="C91" s="52" t="s">
        <v>110</v>
      </c>
      <c r="D91" s="70" t="s">
        <v>155</v>
      </c>
      <c r="E91" s="70" t="s">
        <v>155</v>
      </c>
      <c r="F91" s="70" t="s">
        <v>155</v>
      </c>
      <c r="G91" s="70" t="s">
        <v>155</v>
      </c>
      <c r="H91" s="70" t="s">
        <v>155</v>
      </c>
      <c r="I91" s="70" t="s">
        <v>155</v>
      </c>
      <c r="J91" s="70" t="s">
        <v>155</v>
      </c>
      <c r="K91" s="70" t="s">
        <v>155</v>
      </c>
      <c r="L91" s="70" t="s">
        <v>155</v>
      </c>
      <c r="M91" s="70" t="s">
        <v>155</v>
      </c>
      <c r="N91" s="70" t="s">
        <v>155</v>
      </c>
      <c r="O91" s="70" t="s">
        <v>155</v>
      </c>
      <c r="P91" s="70" t="s">
        <v>155</v>
      </c>
      <c r="Q91" s="40" t="s">
        <v>223</v>
      </c>
      <c r="R91" s="40" t="s">
        <v>904</v>
      </c>
      <c r="S91" s="111">
        <v>1</v>
      </c>
    </row>
    <row r="92" spans="1:19">
      <c r="A92" s="340" t="s">
        <v>951</v>
      </c>
      <c r="B92" s="340">
        <v>109</v>
      </c>
      <c r="C92" s="52" t="s">
        <v>451</v>
      </c>
      <c r="D92" s="339" t="s">
        <v>172</v>
      </c>
      <c r="E92" s="339" t="s">
        <v>172</v>
      </c>
      <c r="F92" s="339" t="s">
        <v>172</v>
      </c>
      <c r="G92" s="339" t="s">
        <v>172</v>
      </c>
      <c r="H92" s="339" t="s">
        <v>172</v>
      </c>
      <c r="I92" s="339" t="s">
        <v>172</v>
      </c>
      <c r="J92" s="339" t="s">
        <v>172</v>
      </c>
      <c r="K92" s="339" t="s">
        <v>172</v>
      </c>
      <c r="L92" s="339" t="s">
        <v>172</v>
      </c>
      <c r="M92" s="339" t="s">
        <v>172</v>
      </c>
      <c r="N92" s="339" t="s">
        <v>172</v>
      </c>
      <c r="O92" s="339" t="s">
        <v>172</v>
      </c>
      <c r="P92" s="339" t="s">
        <v>172</v>
      </c>
      <c r="Q92" s="40" t="s">
        <v>223</v>
      </c>
      <c r="R92" s="40" t="s">
        <v>922</v>
      </c>
      <c r="S92" s="40">
        <v>1</v>
      </c>
    </row>
    <row r="93" spans="1:19">
      <c r="A93" s="341"/>
      <c r="B93" s="341"/>
      <c r="C93" s="52" t="s">
        <v>452</v>
      </c>
      <c r="D93" s="339"/>
      <c r="E93" s="339"/>
      <c r="F93" s="339"/>
      <c r="G93" s="339"/>
      <c r="H93" s="339"/>
      <c r="I93" s="339"/>
      <c r="J93" s="339"/>
      <c r="K93" s="339"/>
      <c r="L93" s="339"/>
      <c r="M93" s="339"/>
      <c r="N93" s="339"/>
      <c r="O93" s="339"/>
      <c r="P93" s="339"/>
      <c r="Q93" s="40" t="s">
        <v>223</v>
      </c>
      <c r="R93" s="40" t="s">
        <v>924</v>
      </c>
      <c r="S93" s="40">
        <v>1</v>
      </c>
    </row>
    <row r="94" spans="1:19">
      <c r="A94" s="342"/>
      <c r="B94" s="342"/>
      <c r="C94" s="52" t="s">
        <v>453</v>
      </c>
      <c r="D94" s="339"/>
      <c r="E94" s="339"/>
      <c r="F94" s="339"/>
      <c r="G94" s="339"/>
      <c r="H94" s="339"/>
      <c r="I94" s="339"/>
      <c r="J94" s="339"/>
      <c r="K94" s="339"/>
      <c r="L94" s="339"/>
      <c r="M94" s="339"/>
      <c r="N94" s="339"/>
      <c r="O94" s="339"/>
      <c r="P94" s="339"/>
      <c r="Q94" s="40" t="s">
        <v>223</v>
      </c>
      <c r="R94" s="40" t="s">
        <v>923</v>
      </c>
      <c r="S94" s="40">
        <v>1</v>
      </c>
    </row>
    <row r="95" spans="1:19">
      <c r="A95" s="340" t="s">
        <v>951</v>
      </c>
      <c r="B95" s="340">
        <v>115</v>
      </c>
      <c r="C95" s="52" t="s">
        <v>903</v>
      </c>
      <c r="D95" s="70" t="s">
        <v>172</v>
      </c>
      <c r="E95" s="70" t="s">
        <v>172</v>
      </c>
      <c r="F95" s="70" t="s">
        <v>172</v>
      </c>
      <c r="G95" s="70" t="s">
        <v>172</v>
      </c>
      <c r="H95" s="70" t="s">
        <v>172</v>
      </c>
      <c r="I95" s="70" t="s">
        <v>172</v>
      </c>
      <c r="J95" s="70" t="s">
        <v>172</v>
      </c>
      <c r="K95" s="70" t="s">
        <v>172</v>
      </c>
      <c r="L95" s="70" t="s">
        <v>172</v>
      </c>
      <c r="M95" s="70" t="s">
        <v>172</v>
      </c>
      <c r="N95" s="70" t="s">
        <v>172</v>
      </c>
      <c r="O95" s="70" t="s">
        <v>172</v>
      </c>
      <c r="P95" s="70" t="s">
        <v>172</v>
      </c>
      <c r="Q95" s="67" t="s">
        <v>223</v>
      </c>
      <c r="R95" s="40" t="s">
        <v>904</v>
      </c>
      <c r="S95" s="40">
        <v>1</v>
      </c>
    </row>
    <row r="96" spans="1:19">
      <c r="A96" s="341"/>
      <c r="B96" s="341"/>
      <c r="C96" s="52" t="s">
        <v>804</v>
      </c>
      <c r="D96" s="70" t="s">
        <v>172</v>
      </c>
      <c r="E96" s="70" t="s">
        <v>172</v>
      </c>
      <c r="F96" s="70" t="s">
        <v>172</v>
      </c>
      <c r="G96" s="70" t="s">
        <v>172</v>
      </c>
      <c r="H96" s="70" t="s">
        <v>172</v>
      </c>
      <c r="I96" s="70" t="s">
        <v>172</v>
      </c>
      <c r="J96" s="70" t="s">
        <v>172</v>
      </c>
      <c r="K96" s="70" t="s">
        <v>172</v>
      </c>
      <c r="L96" s="70" t="s">
        <v>172</v>
      </c>
      <c r="M96" s="70" t="s">
        <v>172</v>
      </c>
      <c r="N96" s="70" t="s">
        <v>172</v>
      </c>
      <c r="O96" s="70" t="s">
        <v>172</v>
      </c>
      <c r="P96" s="70" t="s">
        <v>172</v>
      </c>
      <c r="Q96" s="67" t="s">
        <v>223</v>
      </c>
      <c r="R96" s="40" t="s">
        <v>805</v>
      </c>
      <c r="S96" s="40">
        <v>1</v>
      </c>
    </row>
    <row r="97" spans="1:19">
      <c r="A97" s="341"/>
      <c r="B97" s="341"/>
      <c r="C97" s="52" t="s">
        <v>804</v>
      </c>
      <c r="D97" s="70" t="s">
        <v>172</v>
      </c>
      <c r="E97" s="70" t="s">
        <v>172</v>
      </c>
      <c r="F97" s="70" t="s">
        <v>172</v>
      </c>
      <c r="G97" s="70" t="s">
        <v>172</v>
      </c>
      <c r="H97" s="70" t="s">
        <v>172</v>
      </c>
      <c r="I97" s="70" t="s">
        <v>172</v>
      </c>
      <c r="J97" s="70" t="s">
        <v>172</v>
      </c>
      <c r="K97" s="70" t="s">
        <v>172</v>
      </c>
      <c r="L97" s="70" t="s">
        <v>172</v>
      </c>
      <c r="M97" s="70" t="s">
        <v>172</v>
      </c>
      <c r="N97" s="70" t="s">
        <v>172</v>
      </c>
      <c r="O97" s="70" t="s">
        <v>172</v>
      </c>
      <c r="P97" s="70" t="s">
        <v>172</v>
      </c>
      <c r="Q97" s="40" t="s">
        <v>734</v>
      </c>
      <c r="R97" s="40" t="s">
        <v>808</v>
      </c>
      <c r="S97" s="40">
        <v>5</v>
      </c>
    </row>
    <row r="98" spans="1:19">
      <c r="A98" s="341"/>
      <c r="B98" s="341"/>
      <c r="C98" s="52" t="s">
        <v>804</v>
      </c>
      <c r="D98" s="70" t="s">
        <v>172</v>
      </c>
      <c r="E98" s="70" t="s">
        <v>172</v>
      </c>
      <c r="F98" s="70" t="s">
        <v>172</v>
      </c>
      <c r="G98" s="70" t="s">
        <v>172</v>
      </c>
      <c r="H98" s="70" t="s">
        <v>172</v>
      </c>
      <c r="I98" s="70" t="s">
        <v>172</v>
      </c>
      <c r="J98" s="70" t="s">
        <v>172</v>
      </c>
      <c r="K98" s="70" t="s">
        <v>172</v>
      </c>
      <c r="L98" s="70" t="s">
        <v>172</v>
      </c>
      <c r="M98" s="70" t="s">
        <v>172</v>
      </c>
      <c r="N98" s="70" t="s">
        <v>172</v>
      </c>
      <c r="O98" s="70" t="s">
        <v>172</v>
      </c>
      <c r="P98" s="70" t="s">
        <v>172</v>
      </c>
      <c r="Q98" s="40" t="s">
        <v>734</v>
      </c>
      <c r="R98" s="41" t="s">
        <v>202</v>
      </c>
      <c r="S98" s="40">
        <v>1</v>
      </c>
    </row>
    <row r="99" spans="1:19">
      <c r="A99" s="342"/>
      <c r="B99" s="342"/>
      <c r="C99" s="52" t="s">
        <v>804</v>
      </c>
      <c r="D99" s="70" t="s">
        <v>172</v>
      </c>
      <c r="E99" s="70" t="s">
        <v>172</v>
      </c>
      <c r="F99" s="70" t="s">
        <v>172</v>
      </c>
      <c r="G99" s="70" t="s">
        <v>172</v>
      </c>
      <c r="H99" s="70" t="s">
        <v>172</v>
      </c>
      <c r="I99" s="70" t="s">
        <v>172</v>
      </c>
      <c r="J99" s="70" t="s">
        <v>172</v>
      </c>
      <c r="K99" s="70" t="s">
        <v>172</v>
      </c>
      <c r="L99" s="70" t="s">
        <v>172</v>
      </c>
      <c r="M99" s="70" t="s">
        <v>172</v>
      </c>
      <c r="N99" s="70" t="s">
        <v>172</v>
      </c>
      <c r="O99" s="70" t="s">
        <v>172</v>
      </c>
      <c r="P99" s="70" t="s">
        <v>172</v>
      </c>
      <c r="Q99" s="40" t="s">
        <v>734</v>
      </c>
      <c r="R99" s="41" t="s">
        <v>203</v>
      </c>
      <c r="S99" s="40">
        <v>2</v>
      </c>
    </row>
    <row r="100" spans="1:19">
      <c r="A100" s="340" t="s">
        <v>951</v>
      </c>
      <c r="B100" s="340" t="s">
        <v>809</v>
      </c>
      <c r="C100" s="52"/>
      <c r="D100" s="70"/>
      <c r="E100" s="70"/>
      <c r="F100" s="70"/>
      <c r="G100" s="70"/>
      <c r="H100" s="70"/>
      <c r="I100" s="70"/>
      <c r="J100" s="70"/>
      <c r="K100" s="70"/>
      <c r="L100" s="70"/>
      <c r="M100" s="70"/>
      <c r="N100" s="70"/>
      <c r="O100" s="70"/>
      <c r="P100" s="70"/>
      <c r="Q100" s="40"/>
      <c r="R100" s="41"/>
      <c r="S100" s="40"/>
    </row>
    <row r="101" spans="1:19">
      <c r="A101" s="341"/>
      <c r="B101" s="341"/>
      <c r="C101" s="52" t="s">
        <v>810</v>
      </c>
      <c r="D101" s="70" t="s">
        <v>172</v>
      </c>
      <c r="E101" s="70" t="s">
        <v>172</v>
      </c>
      <c r="F101" s="70" t="s">
        <v>172</v>
      </c>
      <c r="G101" s="70" t="s">
        <v>172</v>
      </c>
      <c r="H101" s="70" t="s">
        <v>172</v>
      </c>
      <c r="I101" s="70" t="s">
        <v>172</v>
      </c>
      <c r="J101" s="70" t="s">
        <v>172</v>
      </c>
      <c r="K101" s="70" t="s">
        <v>172</v>
      </c>
      <c r="L101" s="70" t="s">
        <v>172</v>
      </c>
      <c r="M101" s="70" t="s">
        <v>172</v>
      </c>
      <c r="N101" s="70" t="s">
        <v>172</v>
      </c>
      <c r="O101" s="70" t="s">
        <v>172</v>
      </c>
      <c r="P101" s="70" t="s">
        <v>172</v>
      </c>
      <c r="Q101" s="67" t="s">
        <v>223</v>
      </c>
      <c r="R101" s="40" t="s">
        <v>813</v>
      </c>
      <c r="S101" s="40">
        <v>1</v>
      </c>
    </row>
    <row r="102" spans="1:19">
      <c r="A102" s="342"/>
      <c r="B102" s="342"/>
      <c r="C102" s="52" t="s">
        <v>811</v>
      </c>
      <c r="D102" s="70" t="s">
        <v>172</v>
      </c>
      <c r="E102" s="70" t="s">
        <v>172</v>
      </c>
      <c r="F102" s="70" t="s">
        <v>172</v>
      </c>
      <c r="G102" s="70" t="s">
        <v>172</v>
      </c>
      <c r="H102" s="70" t="s">
        <v>172</v>
      </c>
      <c r="I102" s="70" t="s">
        <v>172</v>
      </c>
      <c r="J102" s="70" t="s">
        <v>172</v>
      </c>
      <c r="K102" s="70" t="s">
        <v>172</v>
      </c>
      <c r="L102" s="70" t="s">
        <v>172</v>
      </c>
      <c r="M102" s="70" t="s">
        <v>172</v>
      </c>
      <c r="N102" s="70" t="s">
        <v>172</v>
      </c>
      <c r="O102" s="70" t="s">
        <v>172</v>
      </c>
      <c r="P102" s="70" t="s">
        <v>172</v>
      </c>
      <c r="Q102" s="67" t="s">
        <v>223</v>
      </c>
      <c r="R102" s="40" t="s">
        <v>812</v>
      </c>
      <c r="S102" s="40">
        <v>1</v>
      </c>
    </row>
    <row r="103" spans="1:19" ht="28.75" customHeight="1">
      <c r="A103" s="340" t="s">
        <v>951</v>
      </c>
      <c r="B103" s="340">
        <v>128</v>
      </c>
      <c r="C103" s="343" t="s">
        <v>911</v>
      </c>
      <c r="D103" s="70" t="s">
        <v>172</v>
      </c>
      <c r="E103" s="70" t="s">
        <v>172</v>
      </c>
      <c r="F103" s="70" t="s">
        <v>172</v>
      </c>
      <c r="G103" s="70" t="s">
        <v>172</v>
      </c>
      <c r="H103" s="70" t="s">
        <v>172</v>
      </c>
      <c r="I103" s="70" t="s">
        <v>172</v>
      </c>
      <c r="J103" s="70" t="s">
        <v>172</v>
      </c>
      <c r="K103" s="70" t="s">
        <v>172</v>
      </c>
      <c r="L103" s="70" t="s">
        <v>172</v>
      </c>
      <c r="M103" s="70" t="s">
        <v>172</v>
      </c>
      <c r="N103" s="70" t="s">
        <v>172</v>
      </c>
      <c r="O103" s="70" t="s">
        <v>172</v>
      </c>
      <c r="P103" s="70" t="s">
        <v>172</v>
      </c>
      <c r="Q103" s="113" t="s">
        <v>913</v>
      </c>
      <c r="R103" s="114" t="s">
        <v>737</v>
      </c>
      <c r="S103" s="71">
        <v>200</v>
      </c>
    </row>
    <row r="104" spans="1:19">
      <c r="A104" s="341"/>
      <c r="B104" s="341"/>
      <c r="C104" s="344"/>
      <c r="D104" s="70" t="s">
        <v>172</v>
      </c>
      <c r="E104" s="70" t="s">
        <v>172</v>
      </c>
      <c r="F104" s="70" t="s">
        <v>172</v>
      </c>
      <c r="G104" s="70" t="s">
        <v>172</v>
      </c>
      <c r="H104" s="70" t="s">
        <v>172</v>
      </c>
      <c r="I104" s="70" t="s">
        <v>172</v>
      </c>
      <c r="J104" s="70" t="s">
        <v>172</v>
      </c>
      <c r="K104" s="70" t="s">
        <v>172</v>
      </c>
      <c r="L104" s="70" t="s">
        <v>172</v>
      </c>
      <c r="M104" s="70" t="s">
        <v>172</v>
      </c>
      <c r="N104" s="70" t="s">
        <v>172</v>
      </c>
      <c r="O104" s="70" t="s">
        <v>172</v>
      </c>
      <c r="P104" s="70" t="s">
        <v>172</v>
      </c>
      <c r="Q104" s="113" t="s">
        <v>912</v>
      </c>
      <c r="R104" s="114" t="s">
        <v>914</v>
      </c>
      <c r="S104" s="71">
        <v>201</v>
      </c>
    </row>
    <row r="105" spans="1:19" ht="25">
      <c r="A105" s="342"/>
      <c r="B105" s="342"/>
      <c r="C105" s="345"/>
      <c r="D105" s="70" t="s">
        <v>172</v>
      </c>
      <c r="E105" s="70" t="s">
        <v>172</v>
      </c>
      <c r="F105" s="70" t="s">
        <v>172</v>
      </c>
      <c r="G105" s="70" t="s">
        <v>172</v>
      </c>
      <c r="H105" s="70" t="s">
        <v>172</v>
      </c>
      <c r="I105" s="70" t="s">
        <v>172</v>
      </c>
      <c r="J105" s="70" t="s">
        <v>172</v>
      </c>
      <c r="K105" s="70" t="s">
        <v>172</v>
      </c>
      <c r="L105" s="70" t="s">
        <v>172</v>
      </c>
      <c r="M105" s="70" t="s">
        <v>172</v>
      </c>
      <c r="N105" s="70" t="s">
        <v>172</v>
      </c>
      <c r="O105" s="70" t="s">
        <v>172</v>
      </c>
      <c r="P105" s="70" t="s">
        <v>172</v>
      </c>
      <c r="Q105" s="114" t="s">
        <v>742</v>
      </c>
      <c r="R105" s="78" t="s">
        <v>915</v>
      </c>
      <c r="S105" s="71">
        <v>200</v>
      </c>
    </row>
    <row r="106" spans="1:19" ht="29">
      <c r="A106" s="112" t="s">
        <v>951</v>
      </c>
      <c r="B106" s="71">
        <v>129</v>
      </c>
      <c r="C106" s="41" t="s">
        <v>920</v>
      </c>
      <c r="D106" s="71" t="s">
        <v>172</v>
      </c>
      <c r="E106" s="71" t="s">
        <v>172</v>
      </c>
      <c r="F106" s="71" t="s">
        <v>172</v>
      </c>
      <c r="G106" s="71" t="s">
        <v>172</v>
      </c>
      <c r="H106" s="71" t="s">
        <v>172</v>
      </c>
      <c r="I106" s="71" t="s">
        <v>172</v>
      </c>
      <c r="J106" s="71" t="s">
        <v>172</v>
      </c>
      <c r="K106" s="71" t="s">
        <v>172</v>
      </c>
      <c r="L106" s="71" t="s">
        <v>172</v>
      </c>
      <c r="M106" s="71" t="s">
        <v>172</v>
      </c>
      <c r="N106" s="71" t="s">
        <v>172</v>
      </c>
      <c r="O106" s="71" t="s">
        <v>172</v>
      </c>
      <c r="P106" s="71" t="s">
        <v>172</v>
      </c>
      <c r="Q106" s="115" t="s">
        <v>223</v>
      </c>
      <c r="R106" s="115" t="s">
        <v>919</v>
      </c>
      <c r="S106" s="71">
        <v>1</v>
      </c>
    </row>
    <row r="107" spans="1:19">
      <c r="A107" s="93"/>
      <c r="B107" s="71"/>
      <c r="C107" s="15"/>
      <c r="D107" s="116"/>
      <c r="E107" s="116"/>
      <c r="F107" s="47"/>
      <c r="G107" s="47"/>
      <c r="H107" s="116"/>
      <c r="I107" s="116"/>
      <c r="J107" s="116"/>
      <c r="K107" s="116"/>
      <c r="L107" s="116"/>
      <c r="M107" s="116"/>
      <c r="N107" s="116"/>
      <c r="O107" s="116"/>
      <c r="P107" s="116"/>
      <c r="Q107" s="117" t="s">
        <v>498</v>
      </c>
      <c r="R107" s="117"/>
      <c r="S107" s="117"/>
    </row>
    <row r="108" spans="1:19">
      <c r="A108" s="112" t="s">
        <v>951</v>
      </c>
      <c r="B108" s="71">
        <v>130</v>
      </c>
      <c r="C108" s="115" t="s">
        <v>917</v>
      </c>
      <c r="D108" s="71" t="s">
        <v>159</v>
      </c>
      <c r="E108" s="71" t="s">
        <v>159</v>
      </c>
      <c r="F108" s="71" t="s">
        <v>159</v>
      </c>
      <c r="G108" s="71" t="s">
        <v>159</v>
      </c>
      <c r="H108" s="71" t="s">
        <v>172</v>
      </c>
      <c r="I108" s="71" t="s">
        <v>172</v>
      </c>
      <c r="J108" s="71" t="s">
        <v>172</v>
      </c>
      <c r="K108" s="71" t="s">
        <v>172</v>
      </c>
      <c r="L108" s="71" t="s">
        <v>172</v>
      </c>
      <c r="M108" s="71" t="s">
        <v>172</v>
      </c>
      <c r="N108" s="71" t="s">
        <v>172</v>
      </c>
      <c r="O108" s="71" t="s">
        <v>172</v>
      </c>
      <c r="P108" s="71" t="s">
        <v>172</v>
      </c>
      <c r="Q108" s="115" t="s">
        <v>916</v>
      </c>
      <c r="R108" s="40" t="s">
        <v>918</v>
      </c>
      <c r="S108" s="71">
        <v>176</v>
      </c>
    </row>
    <row r="109" spans="1:19">
      <c r="A109" s="93"/>
      <c r="B109" s="71"/>
      <c r="C109" s="98"/>
      <c r="D109" s="116"/>
      <c r="E109" s="116"/>
      <c r="F109" s="47"/>
      <c r="G109" s="47"/>
      <c r="H109" s="116"/>
      <c r="I109" s="116"/>
      <c r="J109" s="116"/>
      <c r="K109" s="116"/>
      <c r="L109" s="116"/>
      <c r="M109" s="116"/>
      <c r="N109" s="116"/>
      <c r="O109" s="116"/>
      <c r="P109" s="116"/>
      <c r="Q109" s="116"/>
      <c r="R109" s="116"/>
      <c r="S109" s="117"/>
    </row>
    <row r="110" spans="1:19">
      <c r="A110" s="340" t="s">
        <v>951</v>
      </c>
      <c r="B110" s="340">
        <v>131</v>
      </c>
      <c r="C110" s="69" t="s">
        <v>926</v>
      </c>
      <c r="D110" s="116"/>
      <c r="E110" s="116"/>
      <c r="F110" s="47"/>
      <c r="G110" s="47"/>
      <c r="H110" s="116"/>
      <c r="I110" s="116"/>
      <c r="J110" s="116"/>
      <c r="K110" s="116"/>
      <c r="L110" s="116"/>
      <c r="M110" s="116"/>
      <c r="N110" s="116"/>
      <c r="O110" s="116"/>
      <c r="P110" s="116"/>
      <c r="Q110" s="116"/>
      <c r="R110" s="116"/>
      <c r="S110" s="71"/>
    </row>
    <row r="111" spans="1:19">
      <c r="A111" s="341"/>
      <c r="B111" s="341"/>
      <c r="C111" s="69" t="s">
        <v>927</v>
      </c>
      <c r="D111" s="71" t="s">
        <v>172</v>
      </c>
      <c r="E111" s="71" t="s">
        <v>172</v>
      </c>
      <c r="F111" s="71" t="s">
        <v>172</v>
      </c>
      <c r="G111" s="71" t="s">
        <v>172</v>
      </c>
      <c r="H111" s="71" t="s">
        <v>172</v>
      </c>
      <c r="I111" s="71" t="s">
        <v>172</v>
      </c>
      <c r="J111" s="71" t="s">
        <v>172</v>
      </c>
      <c r="K111" s="71" t="s">
        <v>172</v>
      </c>
      <c r="L111" s="71" t="s">
        <v>172</v>
      </c>
      <c r="M111" s="71" t="s">
        <v>172</v>
      </c>
      <c r="N111" s="71" t="s">
        <v>172</v>
      </c>
      <c r="O111" s="71" t="s">
        <v>172</v>
      </c>
      <c r="P111" s="71" t="s">
        <v>172</v>
      </c>
      <c r="Q111" s="197" t="s">
        <v>963</v>
      </c>
      <c r="R111" s="198" t="s">
        <v>156</v>
      </c>
      <c r="S111" s="199">
        <v>70</v>
      </c>
    </row>
    <row r="112" spans="1:19">
      <c r="A112" s="341"/>
      <c r="B112" s="341"/>
      <c r="C112" s="69" t="s">
        <v>928</v>
      </c>
      <c r="D112" s="71" t="s">
        <v>172</v>
      </c>
      <c r="E112" s="71" t="s">
        <v>172</v>
      </c>
      <c r="F112" s="71" t="s">
        <v>172</v>
      </c>
      <c r="G112" s="71" t="s">
        <v>172</v>
      </c>
      <c r="H112" s="71" t="s">
        <v>172</v>
      </c>
      <c r="I112" s="71" t="s">
        <v>172</v>
      </c>
      <c r="J112" s="71" t="s">
        <v>172</v>
      </c>
      <c r="K112" s="71" t="s">
        <v>172</v>
      </c>
      <c r="L112" s="71" t="s">
        <v>172</v>
      </c>
      <c r="M112" s="71" t="s">
        <v>172</v>
      </c>
      <c r="N112" s="71" t="s">
        <v>172</v>
      </c>
      <c r="O112" s="71" t="s">
        <v>172</v>
      </c>
      <c r="P112" s="71" t="s">
        <v>172</v>
      </c>
      <c r="Q112" s="70" t="s">
        <v>937</v>
      </c>
      <c r="R112" s="40" t="s">
        <v>938</v>
      </c>
      <c r="S112" s="71">
        <v>100</v>
      </c>
    </row>
    <row r="113" spans="1:21">
      <c r="A113" s="341"/>
      <c r="B113" s="341"/>
      <c r="C113" s="69" t="s">
        <v>929</v>
      </c>
      <c r="D113" s="71" t="s">
        <v>172</v>
      </c>
      <c r="E113" s="71" t="s">
        <v>172</v>
      </c>
      <c r="F113" s="71" t="s">
        <v>172</v>
      </c>
      <c r="G113" s="71" t="s">
        <v>172</v>
      </c>
      <c r="H113" s="71" t="s">
        <v>172</v>
      </c>
      <c r="I113" s="71" t="s">
        <v>172</v>
      </c>
      <c r="J113" s="71" t="s">
        <v>172</v>
      </c>
      <c r="K113" s="71" t="s">
        <v>172</v>
      </c>
      <c r="L113" s="71" t="s">
        <v>172</v>
      </c>
      <c r="M113" s="71" t="s">
        <v>172</v>
      </c>
      <c r="N113" s="71" t="s">
        <v>172</v>
      </c>
      <c r="O113" s="71" t="s">
        <v>172</v>
      </c>
      <c r="P113" s="71" t="s">
        <v>172</v>
      </c>
      <c r="Q113" s="197" t="s">
        <v>961</v>
      </c>
      <c r="R113" s="40" t="s">
        <v>939</v>
      </c>
      <c r="S113" s="71">
        <v>109</v>
      </c>
    </row>
    <row r="114" spans="1:21">
      <c r="A114" s="341"/>
      <c r="B114" s="341"/>
      <c r="C114" s="69" t="s">
        <v>930</v>
      </c>
      <c r="D114" s="71" t="s">
        <v>172</v>
      </c>
      <c r="E114" s="71" t="s">
        <v>172</v>
      </c>
      <c r="F114" s="71" t="s">
        <v>172</v>
      </c>
      <c r="G114" s="71" t="s">
        <v>172</v>
      </c>
      <c r="H114" s="71" t="s">
        <v>172</v>
      </c>
      <c r="I114" s="71" t="s">
        <v>172</v>
      </c>
      <c r="J114" s="71" t="s">
        <v>172</v>
      </c>
      <c r="K114" s="71" t="s">
        <v>172</v>
      </c>
      <c r="L114" s="71" t="s">
        <v>172</v>
      </c>
      <c r="M114" s="71" t="s">
        <v>172</v>
      </c>
      <c r="N114" s="71" t="s">
        <v>172</v>
      </c>
      <c r="O114" s="71" t="s">
        <v>172</v>
      </c>
      <c r="P114" s="71" t="s">
        <v>172</v>
      </c>
      <c r="Q114" s="197" t="s">
        <v>962</v>
      </c>
      <c r="R114" s="40" t="s">
        <v>940</v>
      </c>
      <c r="S114" s="71">
        <v>110</v>
      </c>
    </row>
    <row r="115" spans="1:21">
      <c r="A115" s="341"/>
      <c r="B115" s="341"/>
      <c r="C115" s="69" t="s">
        <v>931</v>
      </c>
      <c r="D115" s="71" t="s">
        <v>172</v>
      </c>
      <c r="E115" s="71" t="s">
        <v>172</v>
      </c>
      <c r="F115" s="71" t="s">
        <v>172</v>
      </c>
      <c r="G115" s="71" t="s">
        <v>172</v>
      </c>
      <c r="H115" s="71" t="s">
        <v>172</v>
      </c>
      <c r="I115" s="71" t="s">
        <v>172</v>
      </c>
      <c r="J115" s="71" t="s">
        <v>172</v>
      </c>
      <c r="K115" s="71" t="s">
        <v>172</v>
      </c>
      <c r="L115" s="71" t="s">
        <v>172</v>
      </c>
      <c r="M115" s="71" t="s">
        <v>172</v>
      </c>
      <c r="N115" s="71" t="s">
        <v>172</v>
      </c>
      <c r="O115" s="71" t="s">
        <v>172</v>
      </c>
      <c r="P115" s="71" t="s">
        <v>172</v>
      </c>
      <c r="Q115" s="70" t="s">
        <v>941</v>
      </c>
      <c r="R115" s="41" t="s">
        <v>183</v>
      </c>
      <c r="S115" s="71">
        <v>101</v>
      </c>
    </row>
    <row r="116" spans="1:21">
      <c r="A116" s="341"/>
      <c r="B116" s="341"/>
      <c r="C116" s="69" t="s">
        <v>932</v>
      </c>
      <c r="D116" s="71" t="s">
        <v>172</v>
      </c>
      <c r="E116" s="71" t="s">
        <v>172</v>
      </c>
      <c r="F116" s="71" t="s">
        <v>172</v>
      </c>
      <c r="G116" s="71" t="s">
        <v>172</v>
      </c>
      <c r="H116" s="71" t="s">
        <v>172</v>
      </c>
      <c r="I116" s="71" t="s">
        <v>172</v>
      </c>
      <c r="J116" s="71" t="s">
        <v>172</v>
      </c>
      <c r="K116" s="71" t="s">
        <v>172</v>
      </c>
      <c r="L116" s="71" t="s">
        <v>172</v>
      </c>
      <c r="M116" s="71" t="s">
        <v>172</v>
      </c>
      <c r="N116" s="71" t="s">
        <v>172</v>
      </c>
      <c r="O116" s="71" t="s">
        <v>172</v>
      </c>
      <c r="P116" s="71" t="s">
        <v>172</v>
      </c>
      <c r="Q116" s="70" t="s">
        <v>942</v>
      </c>
      <c r="R116" s="41" t="s">
        <v>185</v>
      </c>
      <c r="S116" s="71">
        <v>102</v>
      </c>
    </row>
    <row r="117" spans="1:21">
      <c r="A117" s="341"/>
      <c r="B117" s="341"/>
      <c r="C117" s="69" t="s">
        <v>933</v>
      </c>
      <c r="D117" s="71" t="s">
        <v>172</v>
      </c>
      <c r="E117" s="71" t="s">
        <v>172</v>
      </c>
      <c r="F117" s="71" t="s">
        <v>172</v>
      </c>
      <c r="G117" s="71" t="s">
        <v>172</v>
      </c>
      <c r="H117" s="71" t="s">
        <v>172</v>
      </c>
      <c r="I117" s="71" t="s">
        <v>172</v>
      </c>
      <c r="J117" s="71" t="s">
        <v>172</v>
      </c>
      <c r="K117" s="71" t="s">
        <v>172</v>
      </c>
      <c r="L117" s="71" t="s">
        <v>172</v>
      </c>
      <c r="M117" s="71" t="s">
        <v>172</v>
      </c>
      <c r="N117" s="71" t="s">
        <v>172</v>
      </c>
      <c r="O117" s="71" t="s">
        <v>172</v>
      </c>
      <c r="P117" s="71" t="s">
        <v>172</v>
      </c>
      <c r="Q117" s="70" t="s">
        <v>943</v>
      </c>
      <c r="R117" s="41" t="s">
        <v>187</v>
      </c>
      <c r="S117" s="71">
        <v>103</v>
      </c>
    </row>
    <row r="118" spans="1:21">
      <c r="A118" s="341"/>
      <c r="B118" s="341"/>
      <c r="C118" s="69" t="s">
        <v>934</v>
      </c>
      <c r="D118" s="71" t="s">
        <v>172</v>
      </c>
      <c r="E118" s="71" t="s">
        <v>172</v>
      </c>
      <c r="F118" s="71" t="s">
        <v>172</v>
      </c>
      <c r="G118" s="71" t="s">
        <v>172</v>
      </c>
      <c r="H118" s="71" t="s">
        <v>172</v>
      </c>
      <c r="I118" s="71" t="s">
        <v>172</v>
      </c>
      <c r="J118" s="71" t="s">
        <v>172</v>
      </c>
      <c r="K118" s="71" t="s">
        <v>172</v>
      </c>
      <c r="L118" s="71" t="s">
        <v>172</v>
      </c>
      <c r="M118" s="71" t="s">
        <v>172</v>
      </c>
      <c r="N118" s="71" t="s">
        <v>172</v>
      </c>
      <c r="O118" s="71" t="s">
        <v>172</v>
      </c>
      <c r="P118" s="71" t="s">
        <v>172</v>
      </c>
      <c r="Q118" s="70" t="s">
        <v>944</v>
      </c>
      <c r="R118" s="41" t="s">
        <v>189</v>
      </c>
      <c r="S118" s="71">
        <v>104</v>
      </c>
    </row>
    <row r="119" spans="1:21">
      <c r="A119" s="341"/>
      <c r="B119" s="341"/>
      <c r="C119" s="69" t="s">
        <v>935</v>
      </c>
      <c r="D119" s="71" t="s">
        <v>172</v>
      </c>
      <c r="E119" s="71" t="s">
        <v>172</v>
      </c>
      <c r="F119" s="71" t="s">
        <v>172</v>
      </c>
      <c r="G119" s="71" t="s">
        <v>172</v>
      </c>
      <c r="H119" s="71" t="s">
        <v>172</v>
      </c>
      <c r="I119" s="71" t="s">
        <v>172</v>
      </c>
      <c r="J119" s="71" t="s">
        <v>172</v>
      </c>
      <c r="K119" s="71" t="s">
        <v>172</v>
      </c>
      <c r="L119" s="71" t="s">
        <v>172</v>
      </c>
      <c r="M119" s="71" t="s">
        <v>172</v>
      </c>
      <c r="N119" s="71" t="s">
        <v>172</v>
      </c>
      <c r="O119" s="71" t="s">
        <v>172</v>
      </c>
      <c r="P119" s="71" t="s">
        <v>172</v>
      </c>
      <c r="Q119" s="70" t="s">
        <v>945</v>
      </c>
      <c r="R119" s="41" t="s">
        <v>947</v>
      </c>
      <c r="S119" s="71">
        <v>107</v>
      </c>
    </row>
    <row r="120" spans="1:21">
      <c r="A120" s="342"/>
      <c r="B120" s="342"/>
      <c r="C120" s="69" t="s">
        <v>936</v>
      </c>
      <c r="D120" s="71" t="s">
        <v>172</v>
      </c>
      <c r="E120" s="71" t="s">
        <v>172</v>
      </c>
      <c r="F120" s="71" t="s">
        <v>172</v>
      </c>
      <c r="G120" s="71" t="s">
        <v>172</v>
      </c>
      <c r="H120" s="71" t="s">
        <v>172</v>
      </c>
      <c r="I120" s="71" t="s">
        <v>172</v>
      </c>
      <c r="J120" s="71" t="s">
        <v>172</v>
      </c>
      <c r="K120" s="71" t="s">
        <v>172</v>
      </c>
      <c r="L120" s="71" t="s">
        <v>172</v>
      </c>
      <c r="M120" s="71" t="s">
        <v>172</v>
      </c>
      <c r="N120" s="71" t="s">
        <v>172</v>
      </c>
      <c r="O120" s="71" t="s">
        <v>172</v>
      </c>
      <c r="P120" s="71" t="s">
        <v>172</v>
      </c>
      <c r="Q120" s="70" t="s">
        <v>946</v>
      </c>
      <c r="R120" s="41" t="s">
        <v>948</v>
      </c>
      <c r="S120" s="71">
        <v>108</v>
      </c>
    </row>
    <row r="121" spans="1:21">
      <c r="A121" s="93"/>
      <c r="B121" s="93"/>
      <c r="C121" s="93"/>
      <c r="D121" s="93"/>
      <c r="E121" s="93"/>
      <c r="F121" s="93"/>
      <c r="G121" s="93"/>
      <c r="H121" s="93"/>
      <c r="I121" s="93"/>
      <c r="J121" s="93"/>
      <c r="K121" s="93"/>
      <c r="L121" s="93"/>
      <c r="M121" s="93"/>
      <c r="N121" s="93"/>
      <c r="O121" s="93"/>
      <c r="P121" s="93"/>
      <c r="Q121" s="93"/>
      <c r="R121" s="93"/>
      <c r="S121" s="93"/>
    </row>
    <row r="122" spans="1:21" ht="72.5">
      <c r="A122" s="340" t="s">
        <v>996</v>
      </c>
      <c r="B122" s="71">
        <v>14</v>
      </c>
      <c r="C122" s="52" t="s">
        <v>953</v>
      </c>
      <c r="D122" s="184" t="s">
        <v>196</v>
      </c>
      <c r="E122" s="184" t="s">
        <v>196</v>
      </c>
      <c r="F122" s="184" t="s">
        <v>196</v>
      </c>
      <c r="G122" s="184" t="s">
        <v>196</v>
      </c>
      <c r="H122" s="184" t="s">
        <v>196</v>
      </c>
      <c r="I122" s="184" t="s">
        <v>196</v>
      </c>
      <c r="J122" s="184" t="s">
        <v>196</v>
      </c>
      <c r="K122" s="184" t="s">
        <v>196</v>
      </c>
      <c r="L122" s="184" t="s">
        <v>196</v>
      </c>
      <c r="M122" s="184" t="s">
        <v>196</v>
      </c>
      <c r="N122" s="184" t="s">
        <v>196</v>
      </c>
      <c r="O122" s="184" t="s">
        <v>196</v>
      </c>
      <c r="P122" s="184" t="s">
        <v>196</v>
      </c>
      <c r="Q122" s="71" t="s">
        <v>954</v>
      </c>
      <c r="R122" s="71" t="s">
        <v>955</v>
      </c>
      <c r="S122" s="71">
        <v>7</v>
      </c>
    </row>
    <row r="123" spans="1:21">
      <c r="A123" s="341"/>
      <c r="B123" s="71">
        <v>132</v>
      </c>
      <c r="C123" s="69" t="s">
        <v>964</v>
      </c>
      <c r="D123" s="70" t="s">
        <v>172</v>
      </c>
      <c r="E123" s="70" t="s">
        <v>172</v>
      </c>
      <c r="F123" s="70" t="s">
        <v>172</v>
      </c>
      <c r="G123" s="70" t="s">
        <v>172</v>
      </c>
      <c r="H123" s="70" t="s">
        <v>172</v>
      </c>
      <c r="I123" s="70" t="s">
        <v>172</v>
      </c>
      <c r="J123" s="70" t="s">
        <v>172</v>
      </c>
      <c r="K123" s="70" t="s">
        <v>172</v>
      </c>
      <c r="L123" s="70" t="s">
        <v>172</v>
      </c>
      <c r="M123" s="70" t="s">
        <v>172</v>
      </c>
      <c r="N123" s="70" t="s">
        <v>172</v>
      </c>
      <c r="O123" s="70" t="s">
        <v>172</v>
      </c>
      <c r="P123" s="70" t="s">
        <v>172</v>
      </c>
      <c r="Q123" s="70" t="s">
        <v>965</v>
      </c>
      <c r="R123" s="41" t="s">
        <v>721</v>
      </c>
      <c r="S123" s="71">
        <v>94</v>
      </c>
    </row>
    <row r="124" spans="1:21">
      <c r="A124" s="341"/>
      <c r="B124" s="70">
        <v>133</v>
      </c>
      <c r="C124" s="69" t="s">
        <v>972</v>
      </c>
      <c r="D124" s="70" t="s">
        <v>172</v>
      </c>
      <c r="E124" s="70" t="s">
        <v>172</v>
      </c>
      <c r="F124" s="70" t="s">
        <v>172</v>
      </c>
      <c r="G124" s="70" t="s">
        <v>172</v>
      </c>
      <c r="H124" s="70" t="s">
        <v>172</v>
      </c>
      <c r="I124" s="70" t="s">
        <v>172</v>
      </c>
      <c r="J124" s="70" t="s">
        <v>172</v>
      </c>
      <c r="K124" s="70" t="s">
        <v>172</v>
      </c>
      <c r="L124" s="70" t="s">
        <v>172</v>
      </c>
      <c r="M124" s="70" t="s">
        <v>172</v>
      </c>
      <c r="N124" s="70" t="s">
        <v>172</v>
      </c>
      <c r="O124" s="70" t="s">
        <v>172</v>
      </c>
      <c r="P124" s="70" t="s">
        <v>172</v>
      </c>
      <c r="Q124" s="70" t="s">
        <v>973</v>
      </c>
      <c r="R124" s="69" t="s">
        <v>974</v>
      </c>
      <c r="S124" s="70">
        <v>95</v>
      </c>
    </row>
    <row r="125" spans="1:21">
      <c r="A125" s="341"/>
      <c r="B125" s="196">
        <v>115</v>
      </c>
      <c r="C125" s="52" t="s">
        <v>976</v>
      </c>
      <c r="D125" s="70" t="s">
        <v>159</v>
      </c>
      <c r="E125" s="70" t="s">
        <v>159</v>
      </c>
      <c r="F125" s="70" t="s">
        <v>172</v>
      </c>
      <c r="G125" s="70" t="s">
        <v>172</v>
      </c>
      <c r="H125" s="70" t="s">
        <v>159</v>
      </c>
      <c r="I125" s="70" t="s">
        <v>159</v>
      </c>
      <c r="J125" s="70" t="s">
        <v>159</v>
      </c>
      <c r="K125" s="70" t="s">
        <v>159</v>
      </c>
      <c r="L125" s="70" t="s">
        <v>159</v>
      </c>
      <c r="M125" s="70" t="s">
        <v>159</v>
      </c>
      <c r="N125" s="70" t="s">
        <v>159</v>
      </c>
      <c r="O125" s="70" t="s">
        <v>159</v>
      </c>
      <c r="P125" s="70" t="s">
        <v>159</v>
      </c>
      <c r="Q125" s="194" t="s">
        <v>223</v>
      </c>
      <c r="R125" s="195" t="s">
        <v>977</v>
      </c>
      <c r="S125" s="40">
        <v>1</v>
      </c>
      <c r="T125" s="193"/>
      <c r="U125" s="193"/>
    </row>
    <row r="126" spans="1:21">
      <c r="A126" s="341"/>
      <c r="B126" s="346" t="s">
        <v>968</v>
      </c>
      <c r="C126" s="347" t="s">
        <v>969</v>
      </c>
      <c r="D126" s="339" t="s">
        <v>331</v>
      </c>
      <c r="E126" s="339" t="s">
        <v>331</v>
      </c>
      <c r="F126" s="339" t="s">
        <v>331</v>
      </c>
      <c r="G126" s="339" t="s">
        <v>331</v>
      </c>
      <c r="H126" s="339" t="s">
        <v>331</v>
      </c>
      <c r="I126" s="339" t="s">
        <v>331</v>
      </c>
      <c r="J126" s="339" t="s">
        <v>331</v>
      </c>
      <c r="K126" s="339" t="s">
        <v>331</v>
      </c>
      <c r="L126" s="339" t="s">
        <v>331</v>
      </c>
      <c r="M126" s="339" t="s">
        <v>331</v>
      </c>
      <c r="N126" s="339" t="s">
        <v>331</v>
      </c>
      <c r="O126" s="339" t="s">
        <v>331</v>
      </c>
      <c r="P126" s="339" t="s">
        <v>331</v>
      </c>
      <c r="Q126" s="195" t="s">
        <v>970</v>
      </c>
      <c r="R126" s="195" t="s">
        <v>333</v>
      </c>
      <c r="S126" s="195">
        <v>1</v>
      </c>
    </row>
    <row r="127" spans="1:21">
      <c r="A127" s="341"/>
      <c r="B127" s="346"/>
      <c r="C127" s="347"/>
      <c r="D127" s="339"/>
      <c r="E127" s="339"/>
      <c r="F127" s="339"/>
      <c r="G127" s="339"/>
      <c r="H127" s="339"/>
      <c r="I127" s="339"/>
      <c r="J127" s="339"/>
      <c r="K127" s="339"/>
      <c r="L127" s="339"/>
      <c r="M127" s="339"/>
      <c r="N127" s="339"/>
      <c r="O127" s="339"/>
      <c r="P127" s="339"/>
      <c r="Q127" s="195" t="s">
        <v>970</v>
      </c>
      <c r="R127" s="69" t="s">
        <v>334</v>
      </c>
      <c r="S127" s="195">
        <v>1</v>
      </c>
    </row>
    <row r="128" spans="1:21">
      <c r="A128" s="341"/>
      <c r="B128" s="346"/>
      <c r="C128" s="347"/>
      <c r="D128" s="339"/>
      <c r="E128" s="339"/>
      <c r="F128" s="339"/>
      <c r="G128" s="339"/>
      <c r="H128" s="339"/>
      <c r="I128" s="339"/>
      <c r="J128" s="339"/>
      <c r="K128" s="339"/>
      <c r="L128" s="339"/>
      <c r="M128" s="339"/>
      <c r="N128" s="339"/>
      <c r="O128" s="339"/>
      <c r="P128" s="339"/>
      <c r="Q128" s="195" t="s">
        <v>970</v>
      </c>
      <c r="R128" s="69" t="s">
        <v>202</v>
      </c>
      <c r="S128" s="195">
        <v>1</v>
      </c>
    </row>
    <row r="129" spans="1:19">
      <c r="A129" s="341"/>
      <c r="B129" s="346"/>
      <c r="C129" s="347"/>
      <c r="D129" s="339"/>
      <c r="E129" s="339"/>
      <c r="F129" s="339"/>
      <c r="G129" s="339"/>
      <c r="H129" s="339"/>
      <c r="I129" s="339"/>
      <c r="J129" s="339"/>
      <c r="K129" s="339"/>
      <c r="L129" s="339"/>
      <c r="M129" s="339"/>
      <c r="N129" s="339"/>
      <c r="O129" s="339"/>
      <c r="P129" s="339"/>
      <c r="Q129" s="195" t="s">
        <v>970</v>
      </c>
      <c r="R129" s="69" t="s">
        <v>203</v>
      </c>
      <c r="S129" s="195">
        <v>2</v>
      </c>
    </row>
    <row r="130" spans="1:19">
      <c r="A130" s="342"/>
      <c r="B130" s="197"/>
      <c r="C130" s="218"/>
      <c r="D130" s="186"/>
      <c r="E130" s="186"/>
      <c r="F130" s="186"/>
      <c r="G130" s="186"/>
      <c r="H130" s="186"/>
      <c r="I130" s="186"/>
      <c r="J130" s="186"/>
      <c r="K130" s="186"/>
      <c r="L130" s="186"/>
      <c r="M130" s="186"/>
      <c r="N130" s="186"/>
      <c r="O130" s="186"/>
      <c r="P130" s="186"/>
      <c r="Q130" s="219"/>
      <c r="R130" s="219"/>
      <c r="S130" s="219"/>
    </row>
    <row r="131" spans="1:19">
      <c r="A131" s="228"/>
      <c r="B131" s="228"/>
      <c r="C131" s="228"/>
      <c r="D131" s="228"/>
      <c r="E131" s="228"/>
      <c r="F131" s="228"/>
      <c r="G131" s="228"/>
      <c r="H131" s="228"/>
      <c r="I131" s="228"/>
      <c r="J131" s="228"/>
      <c r="K131" s="228"/>
      <c r="L131" s="228"/>
      <c r="M131" s="228"/>
      <c r="N131" s="228"/>
      <c r="O131" s="228"/>
      <c r="P131" s="228"/>
      <c r="Q131" s="228"/>
      <c r="R131" s="228"/>
      <c r="S131" s="228"/>
    </row>
    <row r="132" spans="1:19">
      <c r="A132" s="228"/>
      <c r="B132" s="186">
        <v>115</v>
      </c>
      <c r="C132" s="229" t="s">
        <v>997</v>
      </c>
      <c r="D132" s="186" t="s">
        <v>172</v>
      </c>
      <c r="E132" s="186" t="s">
        <v>172</v>
      </c>
      <c r="F132" s="186" t="s">
        <v>172</v>
      </c>
      <c r="G132" s="186" t="s">
        <v>172</v>
      </c>
      <c r="H132" s="186" t="s">
        <v>172</v>
      </c>
      <c r="I132" s="186" t="s">
        <v>172</v>
      </c>
      <c r="J132" s="186" t="s">
        <v>172</v>
      </c>
      <c r="K132" s="186" t="s">
        <v>172</v>
      </c>
      <c r="L132" s="186" t="s">
        <v>172</v>
      </c>
      <c r="M132" s="186" t="s">
        <v>172</v>
      </c>
      <c r="N132" s="186" t="s">
        <v>172</v>
      </c>
      <c r="O132" s="186" t="s">
        <v>172</v>
      </c>
      <c r="P132" s="186" t="s">
        <v>172</v>
      </c>
      <c r="Q132" s="219" t="s">
        <v>223</v>
      </c>
      <c r="R132" s="219" t="s">
        <v>998</v>
      </c>
      <c r="S132" s="219">
        <v>1</v>
      </c>
    </row>
    <row r="133" spans="1:19">
      <c r="A133" s="228"/>
      <c r="B133" s="46"/>
      <c r="C133" s="229" t="s">
        <v>999</v>
      </c>
      <c r="D133" s="186" t="s">
        <v>172</v>
      </c>
      <c r="E133" s="186" t="s">
        <v>172</v>
      </c>
      <c r="F133" s="186" t="s">
        <v>172</v>
      </c>
      <c r="G133" s="186" t="s">
        <v>172</v>
      </c>
      <c r="H133" s="186" t="s">
        <v>172</v>
      </c>
      <c r="I133" s="186" t="s">
        <v>172</v>
      </c>
      <c r="J133" s="186" t="s">
        <v>172</v>
      </c>
      <c r="K133" s="186" t="s">
        <v>172</v>
      </c>
      <c r="L133" s="186" t="s">
        <v>172</v>
      </c>
      <c r="M133" s="186" t="s">
        <v>172</v>
      </c>
      <c r="N133" s="186" t="s">
        <v>172</v>
      </c>
      <c r="O133" s="186" t="s">
        <v>172</v>
      </c>
      <c r="P133" s="186" t="s">
        <v>172</v>
      </c>
      <c r="Q133" s="219" t="s">
        <v>223</v>
      </c>
      <c r="R133" s="219" t="s">
        <v>1000</v>
      </c>
      <c r="S133" s="219">
        <v>1</v>
      </c>
    </row>
    <row r="134" spans="1:19">
      <c r="A134" s="228"/>
      <c r="B134" s="228"/>
      <c r="C134" s="228"/>
      <c r="D134" s="228"/>
      <c r="E134" s="228"/>
      <c r="F134" s="228"/>
      <c r="G134" s="228"/>
      <c r="H134" s="228"/>
      <c r="I134" s="228"/>
      <c r="J134" s="228"/>
      <c r="K134" s="228"/>
      <c r="L134" s="228"/>
      <c r="M134" s="228"/>
      <c r="N134" s="228"/>
      <c r="O134" s="228"/>
      <c r="P134" s="228"/>
      <c r="Q134" s="228"/>
      <c r="R134" s="228"/>
      <c r="S134" s="228"/>
    </row>
    <row r="135" spans="1:19">
      <c r="A135" s="238" t="s">
        <v>1049</v>
      </c>
      <c r="B135" s="187">
        <v>36</v>
      </c>
      <c r="C135" s="186" t="s">
        <v>40</v>
      </c>
      <c r="D135" s="186" t="s">
        <v>172</v>
      </c>
      <c r="E135" s="186" t="s">
        <v>172</v>
      </c>
      <c r="F135" s="186" t="s">
        <v>172</v>
      </c>
      <c r="G135" s="186" t="s">
        <v>172</v>
      </c>
      <c r="H135" s="186" t="s">
        <v>172</v>
      </c>
      <c r="I135" s="186" t="s">
        <v>172</v>
      </c>
      <c r="J135" s="186" t="s">
        <v>172</v>
      </c>
      <c r="K135" s="186" t="s">
        <v>172</v>
      </c>
      <c r="L135" s="186" t="s">
        <v>172</v>
      </c>
      <c r="M135" s="186" t="s">
        <v>172</v>
      </c>
      <c r="N135" s="186" t="s">
        <v>172</v>
      </c>
      <c r="O135" s="186" t="s">
        <v>172</v>
      </c>
      <c r="P135" s="186" t="s">
        <v>172</v>
      </c>
      <c r="Q135" s="185" t="s">
        <v>1048</v>
      </c>
      <c r="R135" s="185" t="s">
        <v>338</v>
      </c>
      <c r="S135" s="185" t="s">
        <v>250</v>
      </c>
    </row>
    <row r="136" spans="1:19">
      <c r="A136" s="238" t="s">
        <v>1049</v>
      </c>
      <c r="B136" s="239" t="s">
        <v>1001</v>
      </c>
      <c r="C136" s="200" t="s">
        <v>1002</v>
      </c>
      <c r="D136" s="186" t="s">
        <v>172</v>
      </c>
      <c r="E136" s="186" t="s">
        <v>172</v>
      </c>
      <c r="F136" s="186" t="s">
        <v>172</v>
      </c>
      <c r="G136" s="186" t="s">
        <v>172</v>
      </c>
      <c r="H136" s="186" t="s">
        <v>172</v>
      </c>
      <c r="I136" s="186" t="s">
        <v>172</v>
      </c>
      <c r="J136" s="186" t="s">
        <v>172</v>
      </c>
      <c r="K136" s="186" t="s">
        <v>172</v>
      </c>
      <c r="L136" s="186" t="s">
        <v>172</v>
      </c>
      <c r="M136" s="186" t="s">
        <v>172</v>
      </c>
      <c r="N136" s="186" t="s">
        <v>172</v>
      </c>
      <c r="O136" s="186" t="s">
        <v>172</v>
      </c>
      <c r="P136" s="186" t="s">
        <v>172</v>
      </c>
      <c r="Q136" s="185" t="s">
        <v>1011</v>
      </c>
      <c r="R136" s="240" t="s">
        <v>1003</v>
      </c>
      <c r="S136" s="185">
        <v>7</v>
      </c>
    </row>
    <row r="137" spans="1:19">
      <c r="A137" s="228"/>
      <c r="B137" s="228"/>
      <c r="C137" s="228"/>
      <c r="D137" s="228"/>
      <c r="E137" s="228"/>
      <c r="F137" s="228"/>
      <c r="G137" s="228"/>
      <c r="H137" s="228"/>
      <c r="I137" s="228"/>
      <c r="J137" s="228"/>
      <c r="K137" s="228"/>
      <c r="L137" s="228"/>
      <c r="M137" s="228"/>
      <c r="N137" s="228"/>
      <c r="O137" s="228"/>
      <c r="P137" s="228"/>
      <c r="Q137" s="228"/>
      <c r="R137" s="228"/>
      <c r="S137" s="228"/>
    </row>
    <row r="138" spans="1:19">
      <c r="A138" s="228"/>
      <c r="B138" s="228"/>
      <c r="C138" s="228"/>
      <c r="D138" s="228"/>
      <c r="E138" s="228"/>
      <c r="F138" s="228"/>
      <c r="G138" s="228"/>
      <c r="H138" s="228"/>
      <c r="I138" s="228"/>
      <c r="J138" s="228"/>
      <c r="K138" s="228"/>
      <c r="L138" s="228"/>
      <c r="M138" s="228"/>
      <c r="N138" s="228"/>
      <c r="O138" s="228"/>
      <c r="P138" s="228"/>
      <c r="Q138" s="228"/>
      <c r="R138" s="228"/>
      <c r="S138" s="228"/>
    </row>
    <row r="139" spans="1:19">
      <c r="A139" s="228"/>
      <c r="B139" s="228"/>
      <c r="C139" s="228"/>
      <c r="D139" s="228" t="s">
        <v>498</v>
      </c>
      <c r="E139" s="228"/>
      <c r="F139" s="228"/>
      <c r="G139" s="228"/>
      <c r="H139" s="228"/>
      <c r="I139" s="228"/>
      <c r="J139" s="228"/>
      <c r="K139" s="228"/>
      <c r="L139" s="228"/>
      <c r="M139" s="228"/>
      <c r="N139" s="228"/>
      <c r="O139" s="228"/>
      <c r="P139" s="228"/>
      <c r="Q139" s="228"/>
      <c r="R139" s="228"/>
      <c r="S139" s="228"/>
    </row>
    <row r="140" spans="1:19">
      <c r="A140" s="228"/>
      <c r="B140" s="228"/>
      <c r="C140" s="228"/>
      <c r="D140" s="228"/>
      <c r="E140" s="228"/>
      <c r="F140" s="228"/>
      <c r="G140" s="228"/>
      <c r="H140" s="228"/>
      <c r="I140" s="228"/>
      <c r="J140" s="228"/>
      <c r="K140" s="228"/>
      <c r="L140" s="228"/>
      <c r="M140" s="228"/>
      <c r="N140" s="228"/>
      <c r="O140" s="228"/>
      <c r="P140" s="228"/>
      <c r="Q140" s="228"/>
      <c r="R140" s="228"/>
      <c r="S140" s="228"/>
    </row>
    <row r="141" spans="1:19">
      <c r="A141" s="228"/>
      <c r="B141" s="228"/>
      <c r="C141" s="228"/>
      <c r="D141" s="228"/>
      <c r="E141" s="228"/>
      <c r="F141" s="228"/>
      <c r="G141" s="228"/>
      <c r="H141" s="228"/>
      <c r="I141" s="228"/>
      <c r="J141" s="228"/>
      <c r="K141" s="228"/>
      <c r="L141" s="228"/>
      <c r="M141" s="228"/>
      <c r="N141" s="228"/>
      <c r="O141" s="228"/>
      <c r="P141" s="228"/>
      <c r="Q141" s="228"/>
      <c r="R141" s="228"/>
      <c r="S141" s="228"/>
    </row>
    <row r="142" spans="1:19">
      <c r="A142" s="228"/>
      <c r="B142" s="228"/>
      <c r="C142" s="228"/>
      <c r="D142" s="228"/>
      <c r="E142" s="228"/>
      <c r="F142" s="228"/>
      <c r="G142" s="228"/>
      <c r="H142" s="228"/>
      <c r="I142" s="228"/>
      <c r="J142" s="228"/>
      <c r="K142" s="228"/>
      <c r="L142" s="228"/>
      <c r="M142" s="228"/>
      <c r="N142" s="228"/>
      <c r="O142" s="228"/>
      <c r="P142" s="228"/>
      <c r="Q142" s="228"/>
      <c r="R142" s="228"/>
      <c r="S142" s="228"/>
    </row>
    <row r="143" spans="1:19">
      <c r="A143" s="228"/>
      <c r="B143" s="228"/>
      <c r="C143" s="228"/>
      <c r="D143" s="228"/>
      <c r="E143" s="228"/>
      <c r="F143" s="228"/>
      <c r="G143" s="228"/>
      <c r="H143" s="228"/>
      <c r="I143" s="228"/>
      <c r="J143" s="228"/>
      <c r="K143" s="228"/>
      <c r="L143" s="228"/>
      <c r="M143" s="228"/>
      <c r="N143" s="228"/>
      <c r="O143" s="228"/>
      <c r="P143" s="228"/>
      <c r="Q143" s="228"/>
      <c r="R143" s="228"/>
      <c r="S143" s="228"/>
    </row>
    <row r="144" spans="1:19">
      <c r="A144" s="228"/>
      <c r="B144" s="228"/>
      <c r="C144" s="228"/>
      <c r="D144" s="228"/>
      <c r="E144" s="228"/>
      <c r="F144" s="228"/>
      <c r="G144" s="228"/>
      <c r="H144" s="228"/>
      <c r="I144" s="228"/>
      <c r="J144" s="228"/>
      <c r="K144" s="228"/>
      <c r="L144" s="228"/>
      <c r="M144" s="228"/>
      <c r="N144" s="228"/>
      <c r="O144" s="228"/>
      <c r="P144" s="228"/>
      <c r="Q144" s="228"/>
      <c r="R144" s="228"/>
      <c r="S144" s="228"/>
    </row>
    <row r="145" spans="1:19">
      <c r="A145" s="228"/>
      <c r="B145" s="228"/>
      <c r="C145" s="228"/>
      <c r="D145" s="228"/>
      <c r="E145" s="228"/>
      <c r="F145" s="228"/>
      <c r="G145" s="228"/>
      <c r="H145" s="228"/>
      <c r="I145" s="228"/>
      <c r="J145" s="228"/>
      <c r="K145" s="228"/>
      <c r="L145" s="228"/>
      <c r="M145" s="228"/>
      <c r="N145" s="228"/>
      <c r="O145" s="228"/>
      <c r="P145" s="228"/>
      <c r="Q145" s="228"/>
      <c r="R145" s="228"/>
      <c r="S145" s="228"/>
    </row>
    <row r="146" spans="1:19">
      <c r="A146" s="228"/>
      <c r="B146" s="228"/>
      <c r="C146" s="228"/>
      <c r="D146" s="228"/>
      <c r="E146" s="228"/>
      <c r="F146" s="228"/>
      <c r="G146" s="228"/>
      <c r="H146" s="228"/>
      <c r="I146" s="228"/>
      <c r="J146" s="228"/>
      <c r="K146" s="228"/>
      <c r="L146" s="228"/>
      <c r="M146" s="228"/>
      <c r="N146" s="228"/>
      <c r="O146" s="228"/>
      <c r="P146" s="228"/>
      <c r="Q146" s="228"/>
      <c r="R146" s="228"/>
      <c r="S146" s="228"/>
    </row>
    <row r="147" spans="1:19">
      <c r="A147" s="228"/>
      <c r="B147" s="228"/>
      <c r="C147" s="228"/>
      <c r="D147" s="228"/>
      <c r="E147" s="228"/>
      <c r="F147" s="228"/>
      <c r="G147" s="228"/>
      <c r="H147" s="228"/>
      <c r="I147" s="228"/>
      <c r="J147" s="228"/>
      <c r="K147" s="228"/>
      <c r="L147" s="228"/>
      <c r="M147" s="228"/>
      <c r="N147" s="228"/>
      <c r="O147" s="228"/>
      <c r="P147" s="228"/>
      <c r="Q147" s="228"/>
      <c r="R147" s="228"/>
      <c r="S147" s="228"/>
    </row>
    <row r="148" spans="1:19">
      <c r="A148" s="228"/>
      <c r="B148" s="228"/>
      <c r="C148" s="228"/>
      <c r="D148" s="228"/>
      <c r="E148" s="228"/>
      <c r="F148" s="228"/>
      <c r="G148" s="228"/>
      <c r="H148" s="228"/>
      <c r="I148" s="228"/>
      <c r="J148" s="228"/>
      <c r="K148" s="228"/>
      <c r="L148" s="228"/>
      <c r="M148" s="228"/>
      <c r="N148" s="228"/>
      <c r="O148" s="228"/>
      <c r="P148" s="228"/>
      <c r="Q148" s="228"/>
      <c r="R148" s="228"/>
      <c r="S148" s="228"/>
    </row>
    <row r="149" spans="1:19">
      <c r="A149" s="228"/>
      <c r="B149" s="228"/>
      <c r="C149" s="228"/>
      <c r="D149" s="228"/>
      <c r="E149" s="228"/>
      <c r="F149" s="228"/>
      <c r="G149" s="228"/>
      <c r="H149" s="228"/>
      <c r="I149" s="228"/>
      <c r="J149" s="228"/>
      <c r="K149" s="228"/>
      <c r="L149" s="228"/>
      <c r="M149" s="228"/>
      <c r="N149" s="228"/>
      <c r="O149" s="228"/>
      <c r="P149" s="228"/>
      <c r="Q149" s="228"/>
      <c r="R149" s="228"/>
      <c r="S149" s="228"/>
    </row>
    <row r="150" spans="1:19">
      <c r="A150" s="228"/>
      <c r="B150" s="228"/>
      <c r="C150" s="228"/>
      <c r="D150" s="228"/>
      <c r="E150" s="228"/>
      <c r="F150" s="228"/>
      <c r="G150" s="228"/>
      <c r="H150" s="228"/>
      <c r="I150" s="228"/>
      <c r="J150" s="228"/>
      <c r="K150" s="228"/>
      <c r="L150" s="228"/>
      <c r="M150" s="228"/>
      <c r="N150" s="228"/>
      <c r="O150" s="228"/>
      <c r="P150" s="228"/>
      <c r="Q150" s="228"/>
      <c r="R150" s="228"/>
      <c r="S150" s="228"/>
    </row>
    <row r="151" spans="1:19">
      <c r="A151" s="228"/>
      <c r="B151" s="228"/>
      <c r="C151" s="228"/>
      <c r="D151" s="228"/>
      <c r="E151" s="228"/>
      <c r="F151" s="228"/>
      <c r="G151" s="228"/>
      <c r="H151" s="228"/>
      <c r="I151" s="228"/>
      <c r="J151" s="228"/>
      <c r="K151" s="228"/>
      <c r="L151" s="228"/>
      <c r="M151" s="228"/>
      <c r="N151" s="228"/>
      <c r="O151" s="228"/>
      <c r="P151" s="228"/>
      <c r="Q151" s="228"/>
      <c r="R151" s="228"/>
      <c r="S151" s="228"/>
    </row>
  </sheetData>
  <mergeCells count="72">
    <mergeCell ref="A122:A130"/>
    <mergeCell ref="P126:P129"/>
    <mergeCell ref="G126:G129"/>
    <mergeCell ref="H126:H129"/>
    <mergeCell ref="I126:I129"/>
    <mergeCell ref="J126:J129"/>
    <mergeCell ref="K126:K129"/>
    <mergeCell ref="L126:L129"/>
    <mergeCell ref="M126:M129"/>
    <mergeCell ref="N126:N129"/>
    <mergeCell ref="O126:O129"/>
    <mergeCell ref="B126:B129"/>
    <mergeCell ref="C126:C129"/>
    <mergeCell ref="D126:D129"/>
    <mergeCell ref="E126:E129"/>
    <mergeCell ref="F126:F129"/>
    <mergeCell ref="A110:A120"/>
    <mergeCell ref="B110:B120"/>
    <mergeCell ref="B95:B99"/>
    <mergeCell ref="A95:A99"/>
    <mergeCell ref="B100:B102"/>
    <mergeCell ref="A100:A102"/>
    <mergeCell ref="C103:C105"/>
    <mergeCell ref="A103:A105"/>
    <mergeCell ref="B103:B105"/>
    <mergeCell ref="N92:N94"/>
    <mergeCell ref="O92:O94"/>
    <mergeCell ref="P92:P94"/>
    <mergeCell ref="B92:B94"/>
    <mergeCell ref="A92:A94"/>
    <mergeCell ref="I92:I94"/>
    <mergeCell ref="J92:J94"/>
    <mergeCell ref="K92:K94"/>
    <mergeCell ref="L92:L94"/>
    <mergeCell ref="M92:M94"/>
    <mergeCell ref="D92:D94"/>
    <mergeCell ref="E92:E94"/>
    <mergeCell ref="F92:F94"/>
    <mergeCell ref="G92:G94"/>
    <mergeCell ref="H92:H94"/>
    <mergeCell ref="B41:B43"/>
    <mergeCell ref="B44:B47"/>
    <mergeCell ref="B31:B36"/>
    <mergeCell ref="B28:B30"/>
    <mergeCell ref="H11:M11"/>
    <mergeCell ref="N11:P11"/>
    <mergeCell ref="Q11:Q13"/>
    <mergeCell ref="R11:R13"/>
    <mergeCell ref="S11:S13"/>
    <mergeCell ref="H12:I12"/>
    <mergeCell ref="J12:K12"/>
    <mergeCell ref="L12:M12"/>
    <mergeCell ref="O12:P12"/>
    <mergeCell ref="A11:A13"/>
    <mergeCell ref="B11:B13"/>
    <mergeCell ref="C11:C12"/>
    <mergeCell ref="D11:E12"/>
    <mergeCell ref="F11:G12"/>
    <mergeCell ref="A1:A3"/>
    <mergeCell ref="B1:B3"/>
    <mergeCell ref="Q1:Q3"/>
    <mergeCell ref="R1:R3"/>
    <mergeCell ref="F1:G2"/>
    <mergeCell ref="H1:M1"/>
    <mergeCell ref="N1:P1"/>
    <mergeCell ref="C1:C2"/>
    <mergeCell ref="D1:E2"/>
    <mergeCell ref="S1:S3"/>
    <mergeCell ref="H2:I2"/>
    <mergeCell ref="J2:K2"/>
    <mergeCell ref="L2:M2"/>
    <mergeCell ref="O2:P2"/>
  </mergeCells>
  <pageMargins left="0.7" right="0.7" top="0.75" bottom="0.75" header="0.3" footer="0.3"/>
  <pageSetup paperSize="2058" orientation="portrait" horizontalDpi="4294967294" verticalDpi="0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C10"/>
  <sheetViews>
    <sheetView zoomScale="130" zoomScaleNormal="130" workbookViewId="0">
      <selection activeCell="C20" sqref="C20"/>
    </sheetView>
  </sheetViews>
  <sheetFormatPr defaultRowHeight="14.5"/>
  <cols>
    <col min="2" max="2" width="28.08984375" bestFit="1" customWidth="1"/>
    <col min="3" max="3" width="19.453125" customWidth="1"/>
    <col min="4" max="4" width="10.90625" bestFit="1" customWidth="1"/>
    <col min="6" max="6" width="16" bestFit="1" customWidth="1"/>
  </cols>
  <sheetData>
    <row r="1" spans="1:3">
      <c r="A1" s="83" t="s">
        <v>892</v>
      </c>
      <c r="B1" s="83" t="s">
        <v>891</v>
      </c>
      <c r="C1" s="234" t="s">
        <v>897</v>
      </c>
    </row>
    <row r="2" spans="1:3">
      <c r="A2" s="84">
        <v>1</v>
      </c>
      <c r="B2" s="84" t="s">
        <v>893</v>
      </c>
      <c r="C2" s="348" t="s">
        <v>898</v>
      </c>
    </row>
    <row r="3" spans="1:3">
      <c r="A3" s="84">
        <v>2</v>
      </c>
      <c r="B3" s="84" t="s">
        <v>894</v>
      </c>
      <c r="C3" s="348"/>
    </row>
    <row r="4" spans="1:3">
      <c r="A4" s="84">
        <v>3</v>
      </c>
      <c r="B4" s="84" t="s">
        <v>510</v>
      </c>
      <c r="C4" s="348"/>
    </row>
    <row r="5" spans="1:3">
      <c r="A5" s="84">
        <v>4</v>
      </c>
      <c r="B5" s="84" t="s">
        <v>896</v>
      </c>
      <c r="C5" s="348"/>
    </row>
    <row r="6" spans="1:3">
      <c r="A6" s="84">
        <v>5</v>
      </c>
      <c r="B6" s="84" t="s">
        <v>509</v>
      </c>
      <c r="C6" s="348"/>
    </row>
    <row r="7" spans="1:3">
      <c r="A7" s="84">
        <v>6</v>
      </c>
      <c r="B7" s="84" t="s">
        <v>895</v>
      </c>
      <c r="C7" s="348"/>
    </row>
    <row r="8" spans="1:3">
      <c r="A8" s="84">
        <v>7</v>
      </c>
      <c r="B8" s="84" t="s">
        <v>1044</v>
      </c>
      <c r="C8" s="53" t="s">
        <v>1045</v>
      </c>
    </row>
    <row r="9" spans="1:3">
      <c r="A9" s="84"/>
      <c r="B9" s="84"/>
      <c r="C9" s="53"/>
    </row>
    <row r="10" spans="1:3">
      <c r="B10" s="84"/>
    </row>
  </sheetData>
  <mergeCells count="1">
    <mergeCell ref="C2:C7"/>
  </mergeCells>
  <pageMargins left="0.7" right="0.7" top="0.75" bottom="0.75" header="0.3" footer="0.3"/>
  <pageSetup paperSize="2058" orientation="portrait" horizontalDpi="4294967294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C8"/>
  <sheetViews>
    <sheetView zoomScale="130" zoomScaleNormal="130" workbookViewId="0">
      <selection activeCell="B14" sqref="B14:C14"/>
    </sheetView>
  </sheetViews>
  <sheetFormatPr defaultRowHeight="14.5"/>
  <cols>
    <col min="2" max="2" width="28.08984375" bestFit="1" customWidth="1"/>
    <col min="3" max="3" width="19.453125" customWidth="1"/>
    <col min="4" max="4" width="10.90625" bestFit="1" customWidth="1"/>
    <col min="6" max="6" width="16" bestFit="1" customWidth="1"/>
  </cols>
  <sheetData>
    <row r="1" spans="1:3">
      <c r="A1" s="84"/>
      <c r="B1" s="84"/>
      <c r="C1" s="53"/>
    </row>
    <row r="2" spans="1:3">
      <c r="A2" s="235"/>
      <c r="B2" s="236" t="s">
        <v>1038</v>
      </c>
      <c r="C2" s="53"/>
    </row>
    <row r="3" spans="1:3">
      <c r="A3" s="235">
        <v>1</v>
      </c>
      <c r="B3" s="235" t="s">
        <v>1039</v>
      </c>
      <c r="C3" s="53"/>
    </row>
    <row r="4" spans="1:3">
      <c r="A4" s="235">
        <v>2</v>
      </c>
      <c r="B4" s="235" t="s">
        <v>1040</v>
      </c>
      <c r="C4" s="53"/>
    </row>
    <row r="5" spans="1:3">
      <c r="A5" s="235">
        <v>3</v>
      </c>
      <c r="B5" s="235" t="s">
        <v>1041</v>
      </c>
    </row>
    <row r="6" spans="1:3">
      <c r="A6" s="235">
        <v>4</v>
      </c>
      <c r="B6" s="235" t="s">
        <v>1042</v>
      </c>
    </row>
    <row r="7" spans="1:3">
      <c r="A7" s="235">
        <v>5</v>
      </c>
      <c r="B7" s="235" t="s">
        <v>1043</v>
      </c>
    </row>
    <row r="8" spans="1:3">
      <c r="B8" s="84"/>
    </row>
  </sheetData>
  <pageMargins left="0.7" right="0.7" top="0.75" bottom="0.75" header="0.3" footer="0.3"/>
  <pageSetup paperSize="2058" orientation="portrait" horizontalDpi="4294967294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41"/>
  <sheetViews>
    <sheetView topLeftCell="B1" zoomScale="85" zoomScaleNormal="85" workbookViewId="0">
      <selection activeCell="J41" sqref="J41"/>
    </sheetView>
  </sheetViews>
  <sheetFormatPr defaultRowHeight="14.5"/>
  <cols>
    <col min="2" max="2" width="71.36328125" bestFit="1" customWidth="1"/>
    <col min="3" max="8" width="12.1796875" bestFit="1" customWidth="1"/>
    <col min="9" max="9" width="35.6328125" bestFit="1" customWidth="1"/>
    <col min="10" max="10" width="68.81640625" bestFit="1" customWidth="1"/>
    <col min="11" max="11" width="13.08984375" bestFit="1" customWidth="1"/>
  </cols>
  <sheetData>
    <row r="1" spans="1:11" ht="29" thickBot="1">
      <c r="A1" s="349" t="s">
        <v>836</v>
      </c>
      <c r="B1" s="350"/>
      <c r="C1" s="350"/>
      <c r="D1" s="350"/>
      <c r="E1" s="350"/>
      <c r="F1" s="350"/>
      <c r="G1" s="350"/>
      <c r="H1" s="350"/>
      <c r="I1" s="350"/>
      <c r="J1" s="350"/>
      <c r="K1" s="351"/>
    </row>
    <row r="2" spans="1:11">
      <c r="A2" s="352"/>
      <c r="B2" s="354" t="s">
        <v>0</v>
      </c>
      <c r="C2" s="356" t="s">
        <v>142</v>
      </c>
      <c r="D2" s="358" t="s">
        <v>143</v>
      </c>
      <c r="E2" s="359" t="s">
        <v>145</v>
      </c>
      <c r="F2" s="359"/>
      <c r="G2" s="360" t="s">
        <v>144</v>
      </c>
      <c r="H2" s="360"/>
      <c r="I2" s="361" t="s">
        <v>152</v>
      </c>
      <c r="J2" s="363" t="s">
        <v>153</v>
      </c>
      <c r="K2" s="364" t="s">
        <v>154</v>
      </c>
    </row>
    <row r="3" spans="1:11">
      <c r="A3" s="353"/>
      <c r="B3" s="355"/>
      <c r="C3" s="357"/>
      <c r="D3" s="291"/>
      <c r="E3" s="192" t="s">
        <v>146</v>
      </c>
      <c r="F3" s="192" t="s">
        <v>837</v>
      </c>
      <c r="G3" s="26" t="s">
        <v>149</v>
      </c>
      <c r="H3" s="73" t="s">
        <v>150</v>
      </c>
      <c r="I3" s="362"/>
      <c r="J3" s="286"/>
      <c r="K3" s="365"/>
    </row>
    <row r="4" spans="1:11">
      <c r="A4" s="353"/>
      <c r="B4" s="190"/>
      <c r="C4" s="23" t="s">
        <v>140</v>
      </c>
      <c r="D4" s="27" t="s">
        <v>140</v>
      </c>
      <c r="E4" s="25" t="s">
        <v>140</v>
      </c>
      <c r="F4" s="25" t="s">
        <v>140</v>
      </c>
      <c r="G4" s="26" t="s">
        <v>140</v>
      </c>
      <c r="H4" s="26" t="s">
        <v>140</v>
      </c>
      <c r="I4" s="362"/>
      <c r="J4" s="286"/>
      <c r="K4" s="365"/>
    </row>
    <row r="5" spans="1:11">
      <c r="A5" s="366">
        <v>1</v>
      </c>
      <c r="B5" s="367" t="s">
        <v>881</v>
      </c>
      <c r="C5" s="24" t="s">
        <v>155</v>
      </c>
      <c r="D5" s="191" t="s">
        <v>159</v>
      </c>
      <c r="E5" s="33" t="s">
        <v>159</v>
      </c>
      <c r="F5" s="33" t="s">
        <v>159</v>
      </c>
      <c r="G5" s="75" t="s">
        <v>159</v>
      </c>
      <c r="H5" s="75" t="s">
        <v>159</v>
      </c>
      <c r="I5" s="74" t="s">
        <v>838</v>
      </c>
      <c r="J5" s="15" t="s">
        <v>202</v>
      </c>
      <c r="K5" s="206">
        <v>151</v>
      </c>
    </row>
    <row r="6" spans="1:11">
      <c r="A6" s="366"/>
      <c r="B6" s="367"/>
      <c r="C6" s="24" t="s">
        <v>155</v>
      </c>
      <c r="D6" s="191" t="s">
        <v>159</v>
      </c>
      <c r="E6" s="33" t="s">
        <v>159</v>
      </c>
      <c r="F6" s="33" t="s">
        <v>159</v>
      </c>
      <c r="G6" s="75" t="s">
        <v>159</v>
      </c>
      <c r="H6" s="75" t="s">
        <v>159</v>
      </c>
      <c r="I6" s="74" t="s">
        <v>838</v>
      </c>
      <c r="J6" s="15" t="s">
        <v>203</v>
      </c>
      <c r="K6" s="206">
        <v>151</v>
      </c>
    </row>
    <row r="7" spans="1:11">
      <c r="A7" s="366">
        <v>2</v>
      </c>
      <c r="B7" s="367" t="s">
        <v>882</v>
      </c>
      <c r="C7" s="24" t="s">
        <v>155</v>
      </c>
      <c r="D7" s="191" t="s">
        <v>159</v>
      </c>
      <c r="E7" s="33" t="s">
        <v>159</v>
      </c>
      <c r="F7" s="33" t="s">
        <v>159</v>
      </c>
      <c r="G7" s="75" t="s">
        <v>159</v>
      </c>
      <c r="H7" s="75" t="s">
        <v>159</v>
      </c>
      <c r="I7" s="74" t="s">
        <v>839</v>
      </c>
      <c r="J7" s="16" t="s">
        <v>840</v>
      </c>
      <c r="K7" s="206">
        <v>150</v>
      </c>
    </row>
    <row r="8" spans="1:11">
      <c r="A8" s="366"/>
      <c r="B8" s="367"/>
      <c r="C8" s="24" t="s">
        <v>155</v>
      </c>
      <c r="D8" s="191" t="s">
        <v>159</v>
      </c>
      <c r="E8" s="33" t="s">
        <v>159</v>
      </c>
      <c r="F8" s="33" t="s">
        <v>159</v>
      </c>
      <c r="G8" s="75" t="s">
        <v>159</v>
      </c>
      <c r="H8" s="75" t="s">
        <v>159</v>
      </c>
      <c r="I8" s="74" t="s">
        <v>839</v>
      </c>
      <c r="J8" s="15" t="s">
        <v>841</v>
      </c>
      <c r="K8" s="206">
        <v>150</v>
      </c>
    </row>
    <row r="9" spans="1:11">
      <c r="A9" s="207">
        <v>3</v>
      </c>
      <c r="B9" s="76" t="s">
        <v>842</v>
      </c>
      <c r="C9" s="24" t="s">
        <v>155</v>
      </c>
      <c r="D9" s="191" t="s">
        <v>155</v>
      </c>
      <c r="E9" s="33" t="s">
        <v>155</v>
      </c>
      <c r="F9" s="33" t="s">
        <v>155</v>
      </c>
      <c r="G9" s="32" t="s">
        <v>155</v>
      </c>
      <c r="H9" s="32" t="s">
        <v>155</v>
      </c>
      <c r="I9" s="74" t="s">
        <v>843</v>
      </c>
      <c r="J9" s="15" t="s">
        <v>251</v>
      </c>
      <c r="K9" s="206">
        <v>100</v>
      </c>
    </row>
    <row r="10" spans="1:11">
      <c r="A10" s="366">
        <v>4</v>
      </c>
      <c r="B10" s="14" t="s">
        <v>113</v>
      </c>
      <c r="C10" s="190"/>
      <c r="D10" s="190"/>
      <c r="E10" s="190"/>
      <c r="F10" s="190"/>
      <c r="G10" s="190"/>
      <c r="H10" s="190"/>
      <c r="I10" s="190"/>
      <c r="J10" s="190"/>
      <c r="K10" s="208"/>
    </row>
    <row r="11" spans="1:11">
      <c r="A11" s="366"/>
      <c r="B11" s="14" t="s">
        <v>844</v>
      </c>
      <c r="C11" s="24" t="s">
        <v>155</v>
      </c>
      <c r="D11" s="191" t="s">
        <v>155</v>
      </c>
      <c r="E11" s="33" t="s">
        <v>155</v>
      </c>
      <c r="F11" s="33" t="s">
        <v>155</v>
      </c>
      <c r="G11" s="32" t="s">
        <v>155</v>
      </c>
      <c r="H11" s="32" t="s">
        <v>155</v>
      </c>
      <c r="I11" s="74" t="s">
        <v>223</v>
      </c>
      <c r="J11" s="15" t="s">
        <v>845</v>
      </c>
      <c r="K11" s="208">
        <v>1</v>
      </c>
    </row>
    <row r="12" spans="1:11">
      <c r="A12" s="366"/>
      <c r="B12" s="14" t="s">
        <v>846</v>
      </c>
      <c r="C12" s="24" t="s">
        <v>155</v>
      </c>
      <c r="D12" s="191" t="s">
        <v>155</v>
      </c>
      <c r="E12" s="33" t="s">
        <v>155</v>
      </c>
      <c r="F12" s="33" t="s">
        <v>155</v>
      </c>
      <c r="G12" s="32" t="s">
        <v>155</v>
      </c>
      <c r="H12" s="32" t="s">
        <v>155</v>
      </c>
      <c r="I12" s="74" t="s">
        <v>223</v>
      </c>
      <c r="J12" s="190" t="s">
        <v>847</v>
      </c>
      <c r="K12" s="208">
        <v>1</v>
      </c>
    </row>
    <row r="13" spans="1:11">
      <c r="A13" s="366"/>
      <c r="B13" s="14" t="s">
        <v>848</v>
      </c>
      <c r="C13" s="24" t="s">
        <v>155</v>
      </c>
      <c r="D13" s="191" t="s">
        <v>155</v>
      </c>
      <c r="E13" s="33" t="s">
        <v>155</v>
      </c>
      <c r="F13" s="33" t="s">
        <v>155</v>
      </c>
      <c r="G13" s="32" t="s">
        <v>155</v>
      </c>
      <c r="H13" s="32" t="s">
        <v>155</v>
      </c>
      <c r="I13" s="74" t="s">
        <v>223</v>
      </c>
      <c r="J13" s="190" t="s">
        <v>1015</v>
      </c>
      <c r="K13" s="208">
        <v>1</v>
      </c>
    </row>
    <row r="14" spans="1:11" ht="29">
      <c r="A14" s="366"/>
      <c r="B14" s="14" t="s">
        <v>849</v>
      </c>
      <c r="C14" s="24" t="s">
        <v>155</v>
      </c>
      <c r="D14" s="191" t="s">
        <v>155</v>
      </c>
      <c r="E14" s="33" t="s">
        <v>155</v>
      </c>
      <c r="F14" s="33" t="s">
        <v>155</v>
      </c>
      <c r="G14" s="32" t="s">
        <v>155</v>
      </c>
      <c r="H14" s="32" t="s">
        <v>155</v>
      </c>
      <c r="I14" s="74" t="s">
        <v>223</v>
      </c>
      <c r="J14" s="190" t="s">
        <v>850</v>
      </c>
      <c r="K14" s="208">
        <v>1</v>
      </c>
    </row>
    <row r="15" spans="1:11">
      <c r="A15" s="366"/>
      <c r="B15" s="368" t="s">
        <v>851</v>
      </c>
      <c r="C15" s="24" t="s">
        <v>155</v>
      </c>
      <c r="D15" s="191" t="s">
        <v>155</v>
      </c>
      <c r="E15" s="33" t="s">
        <v>155</v>
      </c>
      <c r="F15" s="33" t="s">
        <v>155</v>
      </c>
      <c r="G15" s="32" t="s">
        <v>155</v>
      </c>
      <c r="H15" s="32" t="s">
        <v>155</v>
      </c>
      <c r="I15" s="74" t="s">
        <v>223</v>
      </c>
      <c r="J15" s="190" t="s">
        <v>852</v>
      </c>
      <c r="K15" s="208">
        <v>1</v>
      </c>
    </row>
    <row r="16" spans="1:11">
      <c r="A16" s="366"/>
      <c r="B16" s="368"/>
      <c r="C16" s="24" t="s">
        <v>155</v>
      </c>
      <c r="D16" s="191" t="s">
        <v>155</v>
      </c>
      <c r="E16" s="33" t="s">
        <v>155</v>
      </c>
      <c r="F16" s="33" t="s">
        <v>155</v>
      </c>
      <c r="G16" s="32" t="s">
        <v>155</v>
      </c>
      <c r="H16" s="32" t="s">
        <v>155</v>
      </c>
      <c r="I16" s="74" t="s">
        <v>223</v>
      </c>
      <c r="J16" s="190" t="s">
        <v>1016</v>
      </c>
      <c r="K16" s="208">
        <v>1</v>
      </c>
    </row>
    <row r="17" spans="1:11">
      <c r="A17" s="366"/>
      <c r="B17" s="77" t="s">
        <v>853</v>
      </c>
      <c r="C17" s="24" t="s">
        <v>155</v>
      </c>
      <c r="D17" s="191" t="s">
        <v>155</v>
      </c>
      <c r="E17" s="33" t="s">
        <v>155</v>
      </c>
      <c r="F17" s="33" t="s">
        <v>155</v>
      </c>
      <c r="G17" s="32" t="s">
        <v>155</v>
      </c>
      <c r="H17" s="32" t="s">
        <v>155</v>
      </c>
      <c r="I17" s="74" t="s">
        <v>223</v>
      </c>
      <c r="J17" s="190" t="s">
        <v>978</v>
      </c>
      <c r="K17" s="208">
        <v>1</v>
      </c>
    </row>
    <row r="18" spans="1:11">
      <c r="A18" s="366"/>
      <c r="B18" s="77" t="s">
        <v>854</v>
      </c>
      <c r="C18" s="24" t="s">
        <v>155</v>
      </c>
      <c r="D18" s="191" t="s">
        <v>155</v>
      </c>
      <c r="E18" s="33" t="s">
        <v>155</v>
      </c>
      <c r="F18" s="33" t="s">
        <v>155</v>
      </c>
      <c r="G18" s="32" t="s">
        <v>155</v>
      </c>
      <c r="H18" s="32" t="s">
        <v>155</v>
      </c>
      <c r="I18" s="74" t="s">
        <v>223</v>
      </c>
      <c r="J18" s="190" t="s">
        <v>979</v>
      </c>
      <c r="K18" s="208">
        <v>1</v>
      </c>
    </row>
    <row r="19" spans="1:11">
      <c r="A19" s="366"/>
      <c r="B19" s="77" t="s">
        <v>855</v>
      </c>
      <c r="C19" s="24" t="s">
        <v>155</v>
      </c>
      <c r="D19" s="191" t="s">
        <v>155</v>
      </c>
      <c r="E19" s="33" t="s">
        <v>155</v>
      </c>
      <c r="F19" s="33" t="s">
        <v>155</v>
      </c>
      <c r="G19" s="32" t="s">
        <v>155</v>
      </c>
      <c r="H19" s="32" t="s">
        <v>155</v>
      </c>
      <c r="I19" s="74" t="s">
        <v>223</v>
      </c>
      <c r="J19" s="190" t="s">
        <v>980</v>
      </c>
      <c r="K19" s="208">
        <v>1</v>
      </c>
    </row>
    <row r="20" spans="1:11">
      <c r="A20" s="366"/>
      <c r="B20" s="77" t="s">
        <v>856</v>
      </c>
      <c r="C20" s="24" t="s">
        <v>155</v>
      </c>
      <c r="D20" s="191" t="s">
        <v>155</v>
      </c>
      <c r="E20" s="33" t="s">
        <v>155</v>
      </c>
      <c r="F20" s="33" t="s">
        <v>155</v>
      </c>
      <c r="G20" s="32" t="s">
        <v>155</v>
      </c>
      <c r="H20" s="32" t="s">
        <v>155</v>
      </c>
      <c r="I20" s="74" t="s">
        <v>223</v>
      </c>
      <c r="J20" s="190" t="s">
        <v>1017</v>
      </c>
      <c r="K20" s="208">
        <v>1</v>
      </c>
    </row>
    <row r="21" spans="1:11">
      <c r="A21" s="366"/>
      <c r="B21" s="77" t="s">
        <v>857</v>
      </c>
      <c r="C21" s="24" t="s">
        <v>155</v>
      </c>
      <c r="D21" s="191" t="s">
        <v>155</v>
      </c>
      <c r="E21" s="33" t="s">
        <v>155</v>
      </c>
      <c r="F21" s="33" t="s">
        <v>155</v>
      </c>
      <c r="G21" s="32" t="s">
        <v>155</v>
      </c>
      <c r="H21" s="32" t="s">
        <v>155</v>
      </c>
      <c r="I21" s="74" t="s">
        <v>223</v>
      </c>
      <c r="J21" s="190" t="s">
        <v>1018</v>
      </c>
      <c r="K21" s="208">
        <v>1</v>
      </c>
    </row>
    <row r="22" spans="1:11">
      <c r="A22" s="366"/>
      <c r="B22" s="77" t="s">
        <v>858</v>
      </c>
      <c r="C22" s="24" t="s">
        <v>155</v>
      </c>
      <c r="D22" s="191" t="s">
        <v>155</v>
      </c>
      <c r="E22" s="33" t="s">
        <v>155</v>
      </c>
      <c r="F22" s="33" t="s">
        <v>155</v>
      </c>
      <c r="G22" s="32" t="s">
        <v>155</v>
      </c>
      <c r="H22" s="32" t="s">
        <v>155</v>
      </c>
      <c r="I22" s="74" t="s">
        <v>223</v>
      </c>
      <c r="J22" s="190" t="s">
        <v>1019</v>
      </c>
      <c r="K22" s="208">
        <v>1</v>
      </c>
    </row>
    <row r="23" spans="1:11">
      <c r="A23" s="366"/>
      <c r="B23" s="77" t="s">
        <v>859</v>
      </c>
      <c r="C23" s="24" t="s">
        <v>155</v>
      </c>
      <c r="D23" s="191" t="s">
        <v>155</v>
      </c>
      <c r="E23" s="33" t="s">
        <v>155</v>
      </c>
      <c r="F23" s="33" t="s">
        <v>155</v>
      </c>
      <c r="G23" s="32" t="s">
        <v>155</v>
      </c>
      <c r="H23" s="32" t="s">
        <v>155</v>
      </c>
      <c r="I23" s="74" t="s">
        <v>223</v>
      </c>
      <c r="J23" s="190" t="s">
        <v>981</v>
      </c>
      <c r="K23" s="208">
        <v>1</v>
      </c>
    </row>
    <row r="24" spans="1:11">
      <c r="A24" s="366"/>
      <c r="B24" s="77" t="s">
        <v>860</v>
      </c>
      <c r="C24" s="24" t="s">
        <v>155</v>
      </c>
      <c r="D24" s="191" t="s">
        <v>155</v>
      </c>
      <c r="E24" s="33" t="s">
        <v>155</v>
      </c>
      <c r="F24" s="33" t="s">
        <v>155</v>
      </c>
      <c r="G24" s="32" t="s">
        <v>155</v>
      </c>
      <c r="H24" s="32" t="s">
        <v>155</v>
      </c>
      <c r="I24" s="74" t="s">
        <v>223</v>
      </c>
      <c r="J24" s="190" t="s">
        <v>982</v>
      </c>
      <c r="K24" s="208">
        <v>1</v>
      </c>
    </row>
    <row r="25" spans="1:11">
      <c r="A25" s="366"/>
      <c r="B25" s="15" t="s">
        <v>861</v>
      </c>
      <c r="C25" s="24" t="s">
        <v>155</v>
      </c>
      <c r="D25" s="191" t="s">
        <v>155</v>
      </c>
      <c r="E25" s="33" t="s">
        <v>155</v>
      </c>
      <c r="F25" s="33" t="s">
        <v>155</v>
      </c>
      <c r="G25" s="32" t="s">
        <v>155</v>
      </c>
      <c r="H25" s="32" t="s">
        <v>155</v>
      </c>
      <c r="I25" s="74" t="s">
        <v>223</v>
      </c>
      <c r="J25" s="190" t="s">
        <v>983</v>
      </c>
      <c r="K25" s="208">
        <v>1</v>
      </c>
    </row>
    <row r="26" spans="1:11">
      <c r="A26" s="366"/>
      <c r="B26" s="77" t="s">
        <v>862</v>
      </c>
      <c r="C26" s="24" t="s">
        <v>155</v>
      </c>
      <c r="D26" s="191" t="s">
        <v>155</v>
      </c>
      <c r="E26" s="33" t="s">
        <v>155</v>
      </c>
      <c r="F26" s="33" t="s">
        <v>155</v>
      </c>
      <c r="G26" s="32" t="s">
        <v>155</v>
      </c>
      <c r="H26" s="32" t="s">
        <v>155</v>
      </c>
      <c r="I26" s="74" t="s">
        <v>223</v>
      </c>
      <c r="J26" s="190" t="s">
        <v>984</v>
      </c>
      <c r="K26" s="208">
        <v>1</v>
      </c>
    </row>
    <row r="27" spans="1:11">
      <c r="A27" s="366"/>
      <c r="B27" s="77" t="s">
        <v>863</v>
      </c>
      <c r="C27" s="24" t="s">
        <v>155</v>
      </c>
      <c r="D27" s="191" t="s">
        <v>155</v>
      </c>
      <c r="E27" s="33" t="s">
        <v>155</v>
      </c>
      <c r="F27" s="33" t="s">
        <v>155</v>
      </c>
      <c r="G27" s="32" t="s">
        <v>155</v>
      </c>
      <c r="H27" s="32" t="s">
        <v>155</v>
      </c>
      <c r="I27" s="74" t="s">
        <v>223</v>
      </c>
      <c r="J27" s="190" t="s">
        <v>864</v>
      </c>
      <c r="K27" s="208">
        <v>1</v>
      </c>
    </row>
    <row r="28" spans="1:11">
      <c r="A28" s="366"/>
      <c r="B28" s="14" t="s">
        <v>865</v>
      </c>
      <c r="C28" s="24" t="s">
        <v>155</v>
      </c>
      <c r="D28" s="191" t="s">
        <v>155</v>
      </c>
      <c r="E28" s="33" t="s">
        <v>155</v>
      </c>
      <c r="F28" s="33" t="s">
        <v>155</v>
      </c>
      <c r="G28" s="32" t="s">
        <v>155</v>
      </c>
      <c r="H28" s="32" t="s">
        <v>155</v>
      </c>
      <c r="I28" s="74" t="s">
        <v>223</v>
      </c>
      <c r="J28" s="190" t="s">
        <v>985</v>
      </c>
      <c r="K28" s="208">
        <v>1</v>
      </c>
    </row>
    <row r="29" spans="1:11">
      <c r="A29" s="366"/>
      <c r="B29" s="14" t="s">
        <v>866</v>
      </c>
      <c r="C29" s="24" t="s">
        <v>155</v>
      </c>
      <c r="D29" s="191" t="s">
        <v>155</v>
      </c>
      <c r="E29" s="33" t="s">
        <v>155</v>
      </c>
      <c r="F29" s="33" t="s">
        <v>155</v>
      </c>
      <c r="G29" s="32" t="s">
        <v>155</v>
      </c>
      <c r="H29" s="32" t="s">
        <v>155</v>
      </c>
      <c r="I29" s="74" t="s">
        <v>223</v>
      </c>
      <c r="J29" s="190" t="s">
        <v>867</v>
      </c>
      <c r="K29" s="208">
        <v>1</v>
      </c>
    </row>
    <row r="30" spans="1:11">
      <c r="A30" s="366"/>
      <c r="B30" s="14" t="s">
        <v>868</v>
      </c>
      <c r="C30" s="24" t="s">
        <v>155</v>
      </c>
      <c r="D30" s="191" t="s">
        <v>155</v>
      </c>
      <c r="E30" s="33" t="s">
        <v>155</v>
      </c>
      <c r="F30" s="33" t="s">
        <v>155</v>
      </c>
      <c r="G30" s="32" t="s">
        <v>155</v>
      </c>
      <c r="H30" s="32" t="s">
        <v>155</v>
      </c>
      <c r="I30" s="74" t="s">
        <v>223</v>
      </c>
      <c r="J30" s="190" t="s">
        <v>486</v>
      </c>
      <c r="K30" s="208">
        <v>1</v>
      </c>
    </row>
    <row r="31" spans="1:11">
      <c r="A31" s="366"/>
      <c r="B31" s="190" t="s">
        <v>869</v>
      </c>
      <c r="C31" s="24" t="s">
        <v>155</v>
      </c>
      <c r="D31" s="191" t="s">
        <v>155</v>
      </c>
      <c r="E31" s="33" t="s">
        <v>155</v>
      </c>
      <c r="F31" s="33" t="s">
        <v>155</v>
      </c>
      <c r="G31" s="32" t="s">
        <v>155</v>
      </c>
      <c r="H31" s="32" t="s">
        <v>155</v>
      </c>
      <c r="I31" s="74" t="s">
        <v>223</v>
      </c>
      <c r="J31" s="190" t="s">
        <v>870</v>
      </c>
      <c r="K31" s="208">
        <v>1</v>
      </c>
    </row>
    <row r="32" spans="1:11">
      <c r="A32" s="366"/>
      <c r="B32" s="14" t="s">
        <v>871</v>
      </c>
      <c r="C32" s="24" t="s">
        <v>155</v>
      </c>
      <c r="D32" s="191" t="s">
        <v>155</v>
      </c>
      <c r="E32" s="33" t="s">
        <v>155</v>
      </c>
      <c r="F32" s="33" t="s">
        <v>155</v>
      </c>
      <c r="G32" s="32" t="s">
        <v>155</v>
      </c>
      <c r="H32" s="32" t="s">
        <v>155</v>
      </c>
      <c r="I32" s="74" t="s">
        <v>223</v>
      </c>
      <c r="J32" s="190" t="s">
        <v>986</v>
      </c>
      <c r="K32" s="208">
        <v>1</v>
      </c>
    </row>
    <row r="33" spans="1:11">
      <c r="A33" s="366"/>
      <c r="B33" s="14" t="s">
        <v>872</v>
      </c>
      <c r="C33" s="24" t="s">
        <v>155</v>
      </c>
      <c r="D33" s="191" t="s">
        <v>155</v>
      </c>
      <c r="E33" s="33" t="s">
        <v>155</v>
      </c>
      <c r="F33" s="33" t="s">
        <v>155</v>
      </c>
      <c r="G33" s="32" t="s">
        <v>155</v>
      </c>
      <c r="H33" s="32" t="s">
        <v>155</v>
      </c>
      <c r="I33" s="74" t="s">
        <v>223</v>
      </c>
      <c r="J33" s="190" t="s">
        <v>987</v>
      </c>
      <c r="K33" s="208">
        <v>1</v>
      </c>
    </row>
    <row r="34" spans="1:11">
      <c r="A34" s="366"/>
      <c r="B34" s="14" t="s">
        <v>873</v>
      </c>
      <c r="C34" s="24" t="s">
        <v>155</v>
      </c>
      <c r="D34" s="191" t="s">
        <v>155</v>
      </c>
      <c r="E34" s="33" t="s">
        <v>155</v>
      </c>
      <c r="F34" s="33" t="s">
        <v>155</v>
      </c>
      <c r="G34" s="32" t="s">
        <v>155</v>
      </c>
      <c r="H34" s="32" t="s">
        <v>155</v>
      </c>
      <c r="I34" s="74" t="s">
        <v>223</v>
      </c>
      <c r="J34" s="190" t="s">
        <v>988</v>
      </c>
      <c r="K34" s="208">
        <v>1</v>
      </c>
    </row>
    <row r="35" spans="1:11">
      <c r="A35" s="366"/>
      <c r="B35" s="14" t="s">
        <v>874</v>
      </c>
      <c r="C35" s="24" t="s">
        <v>155</v>
      </c>
      <c r="D35" s="191" t="s">
        <v>155</v>
      </c>
      <c r="E35" s="33" t="s">
        <v>155</v>
      </c>
      <c r="F35" s="33" t="s">
        <v>155</v>
      </c>
      <c r="G35" s="32" t="s">
        <v>155</v>
      </c>
      <c r="H35" s="32" t="s">
        <v>155</v>
      </c>
      <c r="I35" s="74" t="s">
        <v>223</v>
      </c>
      <c r="J35" s="190" t="s">
        <v>989</v>
      </c>
      <c r="K35" s="208">
        <v>1</v>
      </c>
    </row>
    <row r="36" spans="1:11">
      <c r="A36" s="366"/>
      <c r="B36" s="14" t="s">
        <v>875</v>
      </c>
      <c r="C36" s="24" t="s">
        <v>155</v>
      </c>
      <c r="D36" s="191" t="s">
        <v>155</v>
      </c>
      <c r="E36" s="33" t="s">
        <v>155</v>
      </c>
      <c r="F36" s="33" t="s">
        <v>155</v>
      </c>
      <c r="G36" s="32" t="s">
        <v>155</v>
      </c>
      <c r="H36" s="32" t="s">
        <v>155</v>
      </c>
      <c r="I36" s="74" t="s">
        <v>223</v>
      </c>
      <c r="J36" s="190" t="s">
        <v>990</v>
      </c>
      <c r="K36" s="208">
        <v>1</v>
      </c>
    </row>
    <row r="37" spans="1:11">
      <c r="A37" s="366"/>
      <c r="B37" s="14" t="s">
        <v>876</v>
      </c>
      <c r="C37" s="24" t="s">
        <v>155</v>
      </c>
      <c r="D37" s="191" t="s">
        <v>155</v>
      </c>
      <c r="E37" s="33" t="s">
        <v>155</v>
      </c>
      <c r="F37" s="33" t="s">
        <v>155</v>
      </c>
      <c r="G37" s="32" t="s">
        <v>155</v>
      </c>
      <c r="H37" s="32" t="s">
        <v>155</v>
      </c>
      <c r="I37" s="74" t="s">
        <v>223</v>
      </c>
      <c r="J37" s="190" t="s">
        <v>991</v>
      </c>
      <c r="K37" s="208">
        <v>1</v>
      </c>
    </row>
    <row r="38" spans="1:11">
      <c r="A38" s="366"/>
      <c r="B38" s="14" t="s">
        <v>877</v>
      </c>
      <c r="C38" s="24" t="s">
        <v>155</v>
      </c>
      <c r="D38" s="191" t="s">
        <v>155</v>
      </c>
      <c r="E38" s="33" t="s">
        <v>155</v>
      </c>
      <c r="F38" s="33" t="s">
        <v>155</v>
      </c>
      <c r="G38" s="32" t="s">
        <v>155</v>
      </c>
      <c r="H38" s="32" t="s">
        <v>155</v>
      </c>
      <c r="I38" s="74" t="s">
        <v>223</v>
      </c>
      <c r="J38" s="190" t="s">
        <v>992</v>
      </c>
      <c r="K38" s="208">
        <v>1</v>
      </c>
    </row>
    <row r="39" spans="1:11">
      <c r="A39" s="366"/>
      <c r="B39" s="14" t="s">
        <v>878</v>
      </c>
      <c r="C39" s="24" t="s">
        <v>155</v>
      </c>
      <c r="D39" s="191" t="s">
        <v>155</v>
      </c>
      <c r="E39" s="33" t="s">
        <v>155</v>
      </c>
      <c r="F39" s="33" t="s">
        <v>155</v>
      </c>
      <c r="G39" s="32" t="s">
        <v>155</v>
      </c>
      <c r="H39" s="32" t="s">
        <v>155</v>
      </c>
      <c r="I39" s="74" t="s">
        <v>223</v>
      </c>
      <c r="J39" s="190" t="s">
        <v>993</v>
      </c>
      <c r="K39" s="208">
        <v>1</v>
      </c>
    </row>
    <row r="40" spans="1:11" ht="15" thickBot="1">
      <c r="A40" s="209"/>
      <c r="B40" s="210" t="s">
        <v>879</v>
      </c>
      <c r="C40" s="211" t="s">
        <v>155</v>
      </c>
      <c r="D40" s="212" t="s">
        <v>155</v>
      </c>
      <c r="E40" s="213" t="s">
        <v>155</v>
      </c>
      <c r="F40" s="213" t="s">
        <v>155</v>
      </c>
      <c r="G40" s="214" t="s">
        <v>155</v>
      </c>
      <c r="H40" s="214" t="s">
        <v>155</v>
      </c>
      <c r="I40" s="215" t="s">
        <v>223</v>
      </c>
      <c r="J40" s="216" t="s">
        <v>880</v>
      </c>
      <c r="K40" s="217">
        <v>1</v>
      </c>
    </row>
    <row r="41" spans="1:11" ht="15" thickBot="1">
      <c r="B41" s="220" t="s">
        <v>994</v>
      </c>
      <c r="C41" s="221" t="s">
        <v>155</v>
      </c>
      <c r="D41" s="222" t="s">
        <v>155</v>
      </c>
      <c r="E41" s="223" t="s">
        <v>155</v>
      </c>
      <c r="F41" s="223" t="s">
        <v>155</v>
      </c>
      <c r="G41" s="224" t="s">
        <v>155</v>
      </c>
      <c r="H41" s="224" t="s">
        <v>155</v>
      </c>
      <c r="I41" s="225" t="s">
        <v>223</v>
      </c>
      <c r="J41" s="226" t="s">
        <v>995</v>
      </c>
      <c r="K41" s="227">
        <v>1</v>
      </c>
    </row>
  </sheetData>
  <mergeCells count="16">
    <mergeCell ref="A5:A6"/>
    <mergeCell ref="B5:B6"/>
    <mergeCell ref="A7:A8"/>
    <mergeCell ref="B7:B8"/>
    <mergeCell ref="A10:A39"/>
    <mergeCell ref="B15:B16"/>
    <mergeCell ref="A1:K1"/>
    <mergeCell ref="A2:A4"/>
    <mergeCell ref="B2:B3"/>
    <mergeCell ref="C2:C3"/>
    <mergeCell ref="D2:D3"/>
    <mergeCell ref="E2:F2"/>
    <mergeCell ref="G2:H2"/>
    <mergeCell ref="I2:I4"/>
    <mergeCell ref="J2:J4"/>
    <mergeCell ref="K2:K4"/>
  </mergeCells>
  <pageMargins left="0.7" right="0.7" top="0.75" bottom="0.75" header="0.3" footer="0.3"/>
  <pageSetup paperSize="2058" orientation="portrait" horizontalDpi="4294967294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Sheet1</vt:lpstr>
      <vt:lpstr>General Manual</vt:lpstr>
      <vt:lpstr>Sub-Occupancy</vt:lpstr>
      <vt:lpstr>Room Colour Code</vt:lpstr>
      <vt:lpstr>New Layers</vt:lpstr>
      <vt:lpstr>SERVICE BLOCKS </vt:lpstr>
      <vt:lpstr>INDUSTRIAL AME</vt:lpstr>
      <vt:lpstr>NEW LAYERS FOR HILLSTATION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Manikandan T</cp:lastModifiedBy>
  <dcterms:created xsi:type="dcterms:W3CDTF">2022-11-04T09:48:10Z</dcterms:created>
  <dcterms:modified xsi:type="dcterms:W3CDTF">2024-01-25T10:40:20Z</dcterms:modified>
</cp:coreProperties>
</file>